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customizations.xml" ContentType="application/vnd.ms-word.keyMapCustomization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9.9 -->
  <w:body>
    <w:p w:rsidR="009801B8" w:rsidRPr="00397DDB" w:rsidP="00F175C4" w14:paraId="34F26635" w14:textId="36E7C016">
      <w:pPr>
        <w:jc w:val="right"/>
        <w:rPr>
          <w:color w:val="000000"/>
        </w:rPr>
      </w:pPr>
      <w:r w:rsidRPr="00397DDB">
        <w:rPr>
          <w:color w:val="000000"/>
        </w:rPr>
        <w:t>Court File No. 19-CV-615862-00CL</w:t>
      </w:r>
      <w:r w:rsidRPr="00397DDB">
        <w:rPr>
          <w:color w:val="000000"/>
        </w:rPr>
        <w:br/>
        <w:t>Court File No. 19-CV-616077-00CL</w:t>
      </w:r>
      <w:r w:rsidRPr="00397DDB">
        <w:rPr>
          <w:color w:val="000000"/>
        </w:rPr>
        <w:br/>
        <w:t>Court File No. 19-CV-616779-00CL</w:t>
      </w:r>
    </w:p>
    <w:p w:rsidR="006B5461" w:rsidRPr="00397DDB" w:rsidP="00F175C4" w14:paraId="084C0A63" w14:textId="1DA7F8CD">
      <w:pPr>
        <w:pStyle w:val="tgfCentreBold"/>
      </w:pPr>
    </w:p>
    <w:p w:rsidR="006B5461" w:rsidRPr="00397DDB" w:rsidP="00F175C4" w14:paraId="68373734" w14:textId="77777777">
      <w:pPr>
        <w:pStyle w:val="tgfCentreBold"/>
      </w:pPr>
      <w:r w:rsidRPr="00397DDB">
        <w:rPr>
          <w:i/>
        </w:rPr>
        <w:t>ONTARIO</w:t>
      </w:r>
      <w:r w:rsidRPr="00397DDB">
        <w:br/>
      </w:r>
      <w:r w:rsidRPr="00397DDB">
        <w:rPr>
          <w:szCs w:val="28"/>
        </w:rPr>
        <w:t>SUPERIOR COURT OF JUSTICE</w:t>
      </w:r>
      <w:r w:rsidRPr="00397DDB">
        <w:br/>
        <w:t>(COMMERCIAL LIST)</w:t>
      </w:r>
    </w:p>
    <w:p w:rsidR="006B5461" w:rsidRPr="00397DDB" w:rsidP="00F175C4" w14:paraId="294DAB6C" w14:textId="77777777">
      <w:pPr>
        <w:pStyle w:val="StyleP2Title"/>
        <w:spacing w:after="0"/>
        <w:jc w:val="center"/>
        <w:rPr>
          <w:i/>
          <w:iCs/>
          <w:color w:val="000000"/>
        </w:rPr>
      </w:pPr>
      <w:r w:rsidRPr="00397DDB">
        <w:rPr>
          <w:color w:val="000000"/>
        </w:rPr>
        <w:t xml:space="preserve">IN THE MATTER OF THE </w:t>
      </w:r>
      <w:r w:rsidRPr="00397DDB">
        <w:rPr>
          <w:i/>
          <w:iCs/>
          <w:color w:val="000000"/>
        </w:rPr>
        <w:t xml:space="preserve">COMPANIES’ CREDITORS </w:t>
      </w:r>
    </w:p>
    <w:p w:rsidR="006B5461" w:rsidRPr="00397DDB" w:rsidP="00F175C4" w14:paraId="23B6066F" w14:textId="77777777">
      <w:pPr>
        <w:pStyle w:val="StyleP2Title"/>
        <w:jc w:val="center"/>
        <w:rPr>
          <w:color w:val="000000"/>
        </w:rPr>
      </w:pPr>
      <w:r w:rsidRPr="00397DDB">
        <w:rPr>
          <w:i/>
          <w:iCs/>
          <w:color w:val="000000"/>
        </w:rPr>
        <w:t xml:space="preserve">ARRANGEMENT ACT, </w:t>
      </w:r>
      <w:r w:rsidRPr="00397DDB">
        <w:rPr>
          <w:color w:val="000000"/>
        </w:rPr>
        <w:t>R.S.C. 1985, c. C-36, AS AMENDED</w:t>
      </w:r>
    </w:p>
    <w:p w:rsidR="006B5461" w:rsidRPr="00397DDB" w:rsidP="00F175C4" w14:paraId="19218CA5" w14:textId="77777777">
      <w:pPr>
        <w:pStyle w:val="StyleP2Title"/>
        <w:spacing w:after="0"/>
        <w:jc w:val="center"/>
        <w:rPr>
          <w:color w:val="000000"/>
        </w:rPr>
      </w:pPr>
      <w:r w:rsidRPr="00397DDB">
        <w:rPr>
          <w:color w:val="000000"/>
        </w:rPr>
        <w:t xml:space="preserve">AND IN THE MATTER OF A PLAN OF COMPROMISE OR </w:t>
      </w:r>
    </w:p>
    <w:p w:rsidR="006B5461" w:rsidRPr="00397DDB" w:rsidP="00F175C4" w14:paraId="371D51E3" w14:textId="3652D4F5">
      <w:pPr>
        <w:pStyle w:val="StyleP2Title"/>
        <w:spacing w:after="120"/>
        <w:jc w:val="center"/>
        <w:rPr>
          <w:b/>
          <w:color w:val="000000"/>
        </w:rPr>
      </w:pPr>
      <w:r w:rsidRPr="00397DDB">
        <w:rPr>
          <w:color w:val="000000"/>
        </w:rPr>
        <w:t xml:space="preserve">ARRANGEMENT OF </w:t>
      </w:r>
      <w:r w:rsidRPr="00397DDB">
        <w:rPr>
          <w:b/>
          <w:color w:val="000000"/>
        </w:rPr>
        <w:t>JTI-MACDONALD CORP.</w:t>
      </w:r>
    </w:p>
    <w:p w:rsidR="009801B8" w:rsidRPr="00397DDB" w:rsidP="009801B8" w14:paraId="4DCAFA4B" w14:textId="77777777">
      <w:pPr>
        <w:pStyle w:val="StyleP2Title"/>
        <w:spacing w:after="0"/>
        <w:jc w:val="center"/>
        <w:rPr>
          <w:color w:val="000000"/>
        </w:rPr>
      </w:pPr>
      <w:r w:rsidRPr="00397DDB">
        <w:rPr>
          <w:color w:val="000000"/>
        </w:rPr>
        <w:t xml:space="preserve">AND IN THE MATTER OF A PLAN OF COMPROMISE OR </w:t>
      </w:r>
    </w:p>
    <w:p w:rsidR="009801B8" w:rsidRPr="00397DDB" w:rsidP="009801B8" w14:paraId="22C07EBE" w14:textId="5183592B">
      <w:pPr>
        <w:pStyle w:val="StyleP2Title"/>
        <w:spacing w:after="120"/>
        <w:jc w:val="center"/>
        <w:rPr>
          <w:b/>
          <w:color w:val="000000"/>
        </w:rPr>
      </w:pPr>
      <w:r w:rsidRPr="00397DDB">
        <w:rPr>
          <w:color w:val="000000"/>
        </w:rPr>
        <w:t xml:space="preserve">ARRANGEMENT OF </w:t>
      </w:r>
      <w:r w:rsidRPr="00397DDB">
        <w:rPr>
          <w:b/>
          <w:color w:val="000000"/>
        </w:rPr>
        <w:t xml:space="preserve">IMPERIAL TOBACCO CANADA LIMITED </w:t>
      </w:r>
      <w:r w:rsidRPr="00397DDB">
        <w:rPr>
          <w:b/>
          <w:color w:val="000000"/>
        </w:rPr>
        <w:br/>
      </w:r>
      <w:r w:rsidRPr="00397DDB">
        <w:rPr>
          <w:color w:val="000000"/>
        </w:rPr>
        <w:t xml:space="preserve">AND </w:t>
      </w:r>
      <w:r w:rsidRPr="00397DDB">
        <w:rPr>
          <w:b/>
          <w:color w:val="000000"/>
        </w:rPr>
        <w:t>IMPERIAL TOBACCO COMPANY LIMITED</w:t>
      </w:r>
    </w:p>
    <w:p w:rsidR="009801B8" w:rsidRPr="00397DDB" w:rsidP="009801B8" w14:paraId="303DA7D7" w14:textId="77777777">
      <w:pPr>
        <w:pStyle w:val="StyleP2Title"/>
        <w:spacing w:after="0"/>
        <w:jc w:val="center"/>
        <w:rPr>
          <w:color w:val="000000"/>
        </w:rPr>
      </w:pPr>
      <w:r w:rsidRPr="00397DDB">
        <w:rPr>
          <w:color w:val="000000"/>
        </w:rPr>
        <w:t xml:space="preserve">AND IN THE MATTER OF A PLAN OF COMPROMISE OR </w:t>
      </w:r>
    </w:p>
    <w:p w:rsidR="009801B8" w:rsidRPr="00397DDB" w:rsidP="009801B8" w14:paraId="3700AEC6" w14:textId="03F33C70">
      <w:pPr>
        <w:pStyle w:val="StyleP2Title"/>
        <w:spacing w:after="120"/>
        <w:jc w:val="center"/>
        <w:rPr>
          <w:b/>
        </w:rPr>
      </w:pPr>
      <w:r w:rsidRPr="00397DDB">
        <w:rPr>
          <w:color w:val="000000"/>
        </w:rPr>
        <w:t>ARRANGEMENT OF</w:t>
      </w:r>
      <w:r w:rsidRPr="00397DDB">
        <w:rPr>
          <w:b/>
          <w:color w:val="000000"/>
        </w:rPr>
        <w:t xml:space="preserve"> ROTHMANS, BENSON &amp; HEDGES INC.</w:t>
      </w:r>
    </w:p>
    <w:p w:rsidR="006B5461" w:rsidRPr="00397DDB" w:rsidP="00F175C4" w14:paraId="7ADB30ED" w14:textId="66A72C13">
      <w:pPr>
        <w:pStyle w:val="StyleP2Title"/>
        <w:rPr>
          <w:b/>
          <w:bCs/>
          <w:color w:val="000000"/>
        </w:rPr>
      </w:pPr>
      <w:r w:rsidRPr="00397DDB">
        <w:rPr>
          <w:b/>
          <w:bCs/>
          <w:color w:val="000000"/>
        </w:rPr>
        <w:t>Applicant</w:t>
      </w:r>
      <w:r w:rsidRPr="00397DDB" w:rsidR="009801B8">
        <w:rPr>
          <w:b/>
          <w:bCs/>
          <w:color w:val="000000"/>
        </w:rPr>
        <w:t>s</w:t>
      </w:r>
    </w:p>
    <w:p w:rsidR="006B5461" w:rsidRPr="00397DDB" w:rsidP="00971DBA" w14:paraId="45F0EE88" w14:textId="5E48C426">
      <w:pPr>
        <w:jc w:val="center"/>
        <w:rPr>
          <w:b/>
        </w:rPr>
      </w:pPr>
      <w:r w:rsidRPr="00397DDB">
        <w:rPr>
          <w:b/>
        </w:rPr>
        <w:t xml:space="preserve">COMMON </w:t>
      </w:r>
      <w:r w:rsidRPr="00397DDB" w:rsidR="00F72CA1">
        <w:rPr>
          <w:b/>
        </w:rPr>
        <w:t>SERVICE LIST</w:t>
      </w:r>
      <w:r w:rsidRPr="00397DDB" w:rsidR="00F72CA1">
        <w:rPr>
          <w:b/>
        </w:rPr>
        <w:br/>
        <w:t xml:space="preserve">(as </w:t>
      </w:r>
      <w:r w:rsidRPr="00397DDB" w:rsidR="002A0F8F">
        <w:rPr>
          <w:b/>
        </w:rPr>
        <w:t>of</w:t>
      </w:r>
      <w:r w:rsidRPr="00397DDB" w:rsidR="00F72CA1">
        <w:rPr>
          <w:b/>
        </w:rPr>
        <w:t xml:space="preserve"> </w:t>
      </w:r>
      <w:r w:rsidRPr="00397DDB" w:rsidR="006A09FA">
        <w:rPr>
          <w:b/>
        </w:rPr>
        <w:t xml:space="preserve">March </w:t>
      </w:r>
      <w:r w:rsidRPr="00397DDB" w:rsidR="00397DDB">
        <w:rPr>
          <w:b/>
        </w:rPr>
        <w:t>18</w:t>
      </w:r>
      <w:r w:rsidRPr="00397DDB" w:rsidR="004D4526">
        <w:rPr>
          <w:b/>
        </w:rPr>
        <w:t>, 202</w:t>
      </w:r>
      <w:r w:rsidRPr="00397DDB" w:rsidR="006A09FA">
        <w:rPr>
          <w:b/>
        </w:rPr>
        <w:t>6</w:t>
      </w:r>
      <w:r w:rsidRPr="00397DDB" w:rsidR="00F72CA1">
        <w:rPr>
          <w:b/>
        </w:rPr>
        <w:t>)</w:t>
      </w:r>
    </w:p>
    <w:tbl>
      <w:tblPr>
        <w:tblStyle w:val="TableGrid"/>
        <w:tblW w:w="9625" w:type="dxa"/>
        <w:tblLook w:val="04A0"/>
      </w:tblPr>
      <w:tblGrid>
        <w:gridCol w:w="1525"/>
        <w:gridCol w:w="8100"/>
      </w:tblGrid>
      <w:tr w14:paraId="650009E7" w14:textId="77777777" w:rsidTr="00397DDB">
        <w:tblPrEx>
          <w:tblW w:w="9625" w:type="dxa"/>
          <w:tblLook w:val="04A0"/>
        </w:tblPrEx>
        <w:tc>
          <w:tcPr>
            <w:tcW w:w="1525" w:type="dxa"/>
          </w:tcPr>
          <w:p w:rsidR="006B5461" w:rsidRPr="00397DDB" w:rsidP="00397DDB" w14:paraId="46FBA9C1" w14:textId="77777777">
            <w:pPr>
              <w:jc w:val="left"/>
              <w:rPr>
                <w:b/>
              </w:rPr>
            </w:pPr>
            <w:r w:rsidRPr="00397DDB">
              <w:rPr>
                <w:b/>
              </w:rPr>
              <w:t>TO:</w:t>
            </w:r>
          </w:p>
        </w:tc>
        <w:tc>
          <w:tcPr>
            <w:tcW w:w="8100" w:type="dxa"/>
          </w:tcPr>
          <w:p w:rsidR="006B5461" w:rsidRPr="00397DDB" w:rsidP="00397DDB" w14:paraId="70AC3B3B" w14:textId="5D5EDB4F">
            <w:pPr>
              <w:pStyle w:val="SignLine"/>
              <w:spacing w:after="240"/>
            </w:pPr>
            <w:r w:rsidRPr="00397DDB">
              <w:rPr>
                <w:rStyle w:val="Strong"/>
                <w:caps/>
              </w:rPr>
              <w:t>Thornton Grout Finnigan LLP</w:t>
            </w:r>
            <w:r w:rsidRPr="00397DDB" w:rsidR="00E32354">
              <w:rPr>
                <w:rStyle w:val="Strong"/>
                <w:caps/>
              </w:rPr>
              <w:br/>
            </w:r>
            <w:r w:rsidRPr="00397DDB">
              <w:t>100 Wellington Street West</w:t>
            </w:r>
            <w:r w:rsidRPr="00397DDB" w:rsidR="00AA28FF">
              <w:t xml:space="preserve">, </w:t>
            </w:r>
            <w:r w:rsidRPr="00397DDB">
              <w:t>Suite 3200</w:t>
            </w:r>
            <w:r w:rsidRPr="00397DDB" w:rsidR="00E32354">
              <w:br/>
            </w:r>
            <w:r w:rsidRPr="00397DDB">
              <w:t>TD West Tower, Toronto-Dominion Centre</w:t>
            </w:r>
            <w:r w:rsidRPr="00397DDB">
              <w:br/>
              <w:t>Toronto, ON  M5K 1K7</w:t>
            </w:r>
            <w:r w:rsidRPr="00397DDB">
              <w:br/>
              <w:t>Fax:</w:t>
            </w:r>
            <w:r w:rsidRPr="00397DDB">
              <w:tab/>
              <w:t>416-304-1313</w:t>
            </w:r>
          </w:p>
          <w:p w:rsidR="006B5461" w:rsidRPr="00397DDB" w:rsidP="00397DDB" w14:paraId="3CAE5C01" w14:textId="6FE55074">
            <w:pPr>
              <w:pStyle w:val="SignLineAdd"/>
              <w:spacing w:after="240"/>
            </w:pPr>
            <w:r w:rsidRPr="00397DDB">
              <w:rPr>
                <w:rStyle w:val="tgfxBold"/>
              </w:rPr>
              <w:t>Robert I. Thornton</w:t>
            </w:r>
            <w:r w:rsidRPr="00397DDB">
              <w:br/>
              <w:t>Tel:</w:t>
            </w:r>
            <w:r w:rsidRPr="00397DDB">
              <w:tab/>
              <w:t>416-304-0560</w:t>
            </w:r>
            <w:r w:rsidRPr="00397DDB" w:rsidR="00E32354">
              <w:br/>
            </w:r>
            <w:r w:rsidRPr="00397DDB">
              <w:t>Email:</w:t>
            </w:r>
            <w:r w:rsidRPr="00397DDB">
              <w:tab/>
              <w:t>rthornton@tgf.ca</w:t>
            </w:r>
          </w:p>
          <w:p w:rsidR="006B5461" w:rsidRPr="00397DDB" w:rsidP="00397DDB" w14:paraId="66B8B4CC" w14:textId="4C924552">
            <w:pPr>
              <w:pStyle w:val="SignLineAdd"/>
              <w:spacing w:after="240"/>
            </w:pPr>
            <w:r w:rsidRPr="00397DDB">
              <w:rPr>
                <w:b/>
              </w:rPr>
              <w:t>Leanne M. Williams</w:t>
            </w:r>
            <w:r w:rsidRPr="00397DDB">
              <w:br/>
              <w:t>Tel:</w:t>
            </w:r>
            <w:r w:rsidRPr="00397DDB">
              <w:tab/>
              <w:t>416-304-0060</w:t>
            </w:r>
            <w:r w:rsidRPr="00397DDB" w:rsidR="00E32354">
              <w:br/>
            </w:r>
            <w:r w:rsidRPr="00397DDB">
              <w:t>Email:</w:t>
            </w:r>
            <w:r w:rsidRPr="00397DDB">
              <w:tab/>
              <w:t xml:space="preserve">lwilliams@tgf.ca </w:t>
            </w:r>
          </w:p>
          <w:p w:rsidR="006B5461" w:rsidRPr="00397DDB" w:rsidP="00397DDB" w14:paraId="40A4D6B1" w14:textId="6BC5EAD6">
            <w:pPr>
              <w:pStyle w:val="SignLineAdd"/>
              <w:spacing w:after="240"/>
            </w:pPr>
            <w:r w:rsidRPr="00397DDB">
              <w:rPr>
                <w:b/>
              </w:rPr>
              <w:t xml:space="preserve">Rachel A. </w:t>
            </w:r>
            <w:r w:rsidRPr="00397DDB" w:rsidR="00DC0B9E">
              <w:rPr>
                <w:b/>
              </w:rPr>
              <w:t>Nicholson</w:t>
            </w:r>
            <w:r w:rsidRPr="00397DDB">
              <w:br/>
              <w:t>Tel:</w:t>
            </w:r>
            <w:r w:rsidRPr="00397DDB">
              <w:tab/>
              <w:t>416-304-1153</w:t>
            </w:r>
            <w:r w:rsidRPr="00397DDB">
              <w:br/>
              <w:t>Email:</w:t>
            </w:r>
            <w:r w:rsidRPr="00397DDB">
              <w:tab/>
            </w:r>
            <w:r w:rsidRPr="00397DDB" w:rsidR="00DC0B9E">
              <w:t>rnicholson</w:t>
            </w:r>
            <w:r w:rsidRPr="00397DDB">
              <w:rPr>
                <w:rStyle w:val="Hyperlink"/>
                <w:color w:val="auto"/>
                <w:u w:val="none"/>
              </w:rPr>
              <w:t>@tgf.ca</w:t>
            </w:r>
            <w:r w:rsidRPr="00397DDB">
              <w:t xml:space="preserve"> </w:t>
            </w:r>
          </w:p>
          <w:p w:rsidR="006B5461" w:rsidRPr="00397DDB" w:rsidP="00397DDB" w14:paraId="6F886B8C" w14:textId="2FB32E19">
            <w:pPr>
              <w:pStyle w:val="SignLineAdd"/>
              <w:spacing w:after="240"/>
            </w:pPr>
            <w:r w:rsidRPr="00397DDB">
              <w:rPr>
                <w:b/>
              </w:rPr>
              <w:t>Mitchell W. Grossell</w:t>
            </w:r>
            <w:r w:rsidRPr="00397DDB">
              <w:br/>
              <w:t>Tel:</w:t>
            </w:r>
            <w:r w:rsidRPr="00397DDB">
              <w:tab/>
              <w:t>416-304</w:t>
            </w:r>
            <w:r w:rsidRPr="00397DDB" w:rsidR="00BA5B13">
              <w:t>-</w:t>
            </w:r>
            <w:r w:rsidRPr="00397DDB">
              <w:t>7978</w:t>
            </w:r>
            <w:r w:rsidRPr="00397DDB">
              <w:br/>
              <w:t>Email:</w:t>
            </w:r>
            <w:r w:rsidRPr="00397DDB">
              <w:tab/>
            </w:r>
            <w:r w:rsidRPr="00397DDB">
              <w:rPr>
                <w:rStyle w:val="Hyperlink"/>
                <w:color w:val="auto"/>
                <w:u w:val="none"/>
              </w:rPr>
              <w:t>mgrossell@tgf.ca</w:t>
            </w:r>
            <w:r w:rsidRPr="00397DDB">
              <w:t xml:space="preserve"> </w:t>
            </w:r>
          </w:p>
          <w:p w:rsidR="001241F0" w:rsidRPr="00397DDB" w:rsidP="00397DDB" w14:paraId="07FC482E" w14:textId="187DC1CB">
            <w:pPr>
              <w:pStyle w:val="SignLineAdd"/>
              <w:spacing w:after="240"/>
            </w:pPr>
            <w:r w:rsidRPr="00397DDB">
              <w:rPr>
                <w:b/>
              </w:rPr>
              <w:t>John L. Finnigan</w:t>
            </w:r>
            <w:r w:rsidRPr="00397DDB">
              <w:br/>
              <w:t xml:space="preserve">Tel: </w:t>
            </w:r>
            <w:r w:rsidRPr="00397DDB">
              <w:tab/>
              <w:t>416-304-0558</w:t>
            </w:r>
            <w:r w:rsidRPr="00397DDB">
              <w:br/>
              <w:t xml:space="preserve">Email: </w:t>
            </w:r>
            <w:r w:rsidRPr="00397DDB">
              <w:tab/>
              <w:t>jfinnigan@tgf.ca</w:t>
            </w:r>
          </w:p>
          <w:p w:rsidR="007D604C" w:rsidRPr="00397DDB" w:rsidP="00397DDB" w14:paraId="0F7E1628" w14:textId="06CE0222">
            <w:pPr>
              <w:pStyle w:val="SignLineAdd"/>
              <w:spacing w:after="240"/>
              <w:rPr>
                <w:rStyle w:val="Hyperlink"/>
                <w:color w:val="auto"/>
                <w:u w:val="none"/>
              </w:rPr>
            </w:pPr>
            <w:r w:rsidRPr="00397DDB">
              <w:rPr>
                <w:b/>
              </w:rPr>
              <w:t>Rebekah O’Hare</w:t>
            </w:r>
            <w:r w:rsidRPr="00397DDB">
              <w:t xml:space="preserve"> </w:t>
            </w:r>
            <w:r w:rsidRPr="00397DDB">
              <w:br/>
              <w:t>Tel:</w:t>
            </w:r>
            <w:r w:rsidRPr="00397DDB">
              <w:tab/>
              <w:t>416-307-2423</w:t>
            </w:r>
            <w:r w:rsidRPr="00397DDB">
              <w:br/>
              <w:t>Email:</w:t>
            </w:r>
            <w:r w:rsidRPr="00397DDB">
              <w:tab/>
              <w:t>rohare@tgf.ca</w:t>
            </w:r>
          </w:p>
          <w:p w:rsidR="00C116EE" w:rsidRPr="00397DDB" w:rsidP="00397DDB" w14:paraId="2DAB1521" w14:textId="50CA0595">
            <w:pPr>
              <w:jc w:val="left"/>
            </w:pPr>
            <w:r w:rsidRPr="00397DDB">
              <w:rPr>
                <w:b/>
                <w:bCs/>
              </w:rPr>
              <w:t>Rudrakshi Chakrabarti</w:t>
            </w:r>
            <w:r w:rsidRPr="00397DDB">
              <w:br/>
              <w:t>Tel:</w:t>
            </w:r>
            <w:r w:rsidRPr="00397DDB">
              <w:tab/>
              <w:t>416-307-2425</w:t>
            </w:r>
            <w:r w:rsidRPr="00397DDB">
              <w:br/>
              <w:t>Email:</w:t>
            </w:r>
            <w:r w:rsidRPr="00397DDB">
              <w:tab/>
              <w:t>rchakrabarti@tgf.ca</w:t>
            </w:r>
          </w:p>
          <w:p w:rsidR="006B5461" w:rsidRPr="00397DDB" w:rsidP="00397DDB" w14:paraId="1E0C9D6C" w14:textId="1B29CD06">
            <w:pPr>
              <w:jc w:val="left"/>
            </w:pPr>
            <w:r w:rsidRPr="00397DDB">
              <w:t xml:space="preserve">Lawyers for </w:t>
            </w:r>
            <w:r w:rsidRPr="00397DDB" w:rsidR="00E02C95">
              <w:t>JTI-Macdonald Corp.</w:t>
            </w:r>
          </w:p>
        </w:tc>
      </w:tr>
      <w:tr w14:paraId="4758E559" w14:textId="77777777" w:rsidTr="00397DDB">
        <w:tblPrEx>
          <w:tblW w:w="9625" w:type="dxa"/>
          <w:tblLook w:val="04A0"/>
        </w:tblPrEx>
        <w:tc>
          <w:tcPr>
            <w:tcW w:w="1525" w:type="dxa"/>
          </w:tcPr>
          <w:p w:rsidR="006B5461" w:rsidRPr="00397DDB" w:rsidP="00397DDB" w14:paraId="176CAEB6" w14:textId="77777777">
            <w:pPr>
              <w:jc w:val="left"/>
              <w:rPr>
                <w:b/>
              </w:rPr>
            </w:pPr>
            <w:r w:rsidRPr="00397DDB">
              <w:rPr>
                <w:b/>
              </w:rPr>
              <w:t>AND TO:</w:t>
            </w:r>
          </w:p>
        </w:tc>
        <w:tc>
          <w:tcPr>
            <w:tcW w:w="8100" w:type="dxa"/>
          </w:tcPr>
          <w:p w:rsidR="006B5461" w:rsidRPr="00397DDB" w:rsidP="00397DDB" w14:paraId="3F7747DF" w14:textId="5B86AA3D">
            <w:pPr>
              <w:jc w:val="left"/>
            </w:pPr>
            <w:r w:rsidRPr="00397DDB">
              <w:rPr>
                <w:b/>
                <w:caps/>
              </w:rPr>
              <w:t>Deloitte RESTRUCTURING INC.</w:t>
            </w:r>
            <w:r w:rsidRPr="00397DDB">
              <w:rPr>
                <w:b/>
                <w:caps/>
              </w:rPr>
              <w:br/>
            </w:r>
            <w:r w:rsidRPr="00397DDB">
              <w:t>Bay Adelaide East</w:t>
            </w:r>
            <w:r w:rsidRPr="00397DDB">
              <w:br/>
              <w:t>8 Adelaide Street West</w:t>
            </w:r>
            <w:r w:rsidRPr="00397DDB">
              <w:br/>
              <w:t>Suite 200</w:t>
            </w:r>
            <w:r w:rsidRPr="00397DDB">
              <w:br/>
              <w:t>Toronto, O</w:t>
            </w:r>
            <w:r w:rsidRPr="00397DDB" w:rsidR="00E76BE8">
              <w:t xml:space="preserve">N  </w:t>
            </w:r>
            <w:r w:rsidRPr="00397DDB">
              <w:t>M5H 0A9</w:t>
            </w:r>
            <w:r w:rsidRPr="00397DDB">
              <w:br/>
              <w:t>Fax:</w:t>
            </w:r>
            <w:r w:rsidRPr="00397DDB">
              <w:tab/>
              <w:t>416-601-6690</w:t>
            </w:r>
          </w:p>
          <w:p w:rsidR="006B5461" w:rsidRPr="00397DDB" w:rsidP="00397DDB" w14:paraId="341227CB" w14:textId="1C98DE41">
            <w:pPr>
              <w:jc w:val="left"/>
            </w:pPr>
            <w:r w:rsidRPr="00397DDB">
              <w:rPr>
                <w:rStyle w:val="Hyperlink"/>
                <w:b/>
                <w:color w:val="auto"/>
                <w:u w:val="none"/>
              </w:rPr>
              <w:t>Warren Leung</w:t>
            </w:r>
            <w:r w:rsidRPr="00397DDB">
              <w:rPr>
                <w:rStyle w:val="Hyperlink"/>
                <w:color w:val="auto"/>
                <w:u w:val="none"/>
              </w:rPr>
              <w:br/>
              <w:t>Tel:</w:t>
            </w:r>
            <w:r w:rsidRPr="00397DDB">
              <w:rPr>
                <w:rStyle w:val="Hyperlink"/>
                <w:color w:val="auto"/>
                <w:u w:val="none"/>
              </w:rPr>
              <w:tab/>
              <w:t>416-874-4461</w:t>
            </w:r>
            <w:r w:rsidRPr="00397DDB">
              <w:rPr>
                <w:rStyle w:val="Hyperlink"/>
                <w:color w:val="auto"/>
                <w:u w:val="none"/>
              </w:rPr>
              <w:br/>
              <w:t>Email:</w:t>
            </w:r>
            <w:r w:rsidRPr="00397DDB">
              <w:rPr>
                <w:rStyle w:val="Hyperlink"/>
                <w:color w:val="auto"/>
                <w:u w:val="none"/>
              </w:rPr>
              <w:tab/>
            </w:r>
            <w:r w:rsidRPr="00397DDB">
              <w:t>waleung@deloitte.ca</w:t>
            </w:r>
          </w:p>
          <w:p w:rsidR="009A2674" w:rsidRPr="00397DDB" w:rsidP="00397DDB" w14:paraId="2F932C85" w14:textId="41B6D6EB">
            <w:pPr>
              <w:jc w:val="left"/>
            </w:pPr>
            <w:r w:rsidRPr="00397DDB">
              <w:rPr>
                <w:b/>
              </w:rPr>
              <w:t>Jean-Francois Nadon</w:t>
            </w:r>
            <w:r w:rsidRPr="00397DDB">
              <w:br/>
              <w:t>Tel:</w:t>
            </w:r>
            <w:r w:rsidRPr="00397DDB">
              <w:tab/>
              <w:t>514-390-0059</w:t>
            </w:r>
            <w:r w:rsidRPr="00397DDB">
              <w:br/>
              <w:t>Email:</w:t>
            </w:r>
            <w:r w:rsidRPr="00397DDB">
              <w:tab/>
              <w:t>jnadon@deloitte.ca</w:t>
            </w:r>
          </w:p>
          <w:p w:rsidR="00703EAC" w:rsidRPr="00397DDB" w:rsidP="00397DDB" w14:paraId="639DAEE9" w14:textId="4CF751E7">
            <w:pPr>
              <w:jc w:val="left"/>
            </w:pPr>
            <w:r w:rsidRPr="00397DDB">
              <w:rPr>
                <w:b/>
              </w:rPr>
              <w:t>Phil Reynolds</w:t>
            </w:r>
            <w:r w:rsidRPr="00397DDB">
              <w:br/>
              <w:t xml:space="preserve">Tel: </w:t>
            </w:r>
            <w:r w:rsidRPr="00397DDB">
              <w:tab/>
              <w:t>416-956-9200</w:t>
            </w:r>
            <w:r w:rsidRPr="00397DDB">
              <w:br/>
              <w:t>Email:</w:t>
            </w:r>
            <w:r w:rsidRPr="00397DDB">
              <w:tab/>
              <w:t>philreynolds@deloitte.ca</w:t>
            </w:r>
          </w:p>
          <w:p w:rsidR="006B5461" w:rsidRPr="00397DDB" w:rsidP="00397DDB" w14:paraId="378D6B44" w14:textId="1EFE0BA7">
            <w:pPr>
              <w:jc w:val="left"/>
            </w:pPr>
            <w:r w:rsidRPr="00397DDB">
              <w:t xml:space="preserve">The Monitor </w:t>
            </w:r>
            <w:r w:rsidRPr="00397DDB" w:rsidR="00E02C95">
              <w:t>of JTI-Macdonald Corp.</w:t>
            </w:r>
          </w:p>
        </w:tc>
      </w:tr>
      <w:tr w14:paraId="074FF85F" w14:textId="77777777" w:rsidTr="00397DDB">
        <w:tblPrEx>
          <w:tblW w:w="9625" w:type="dxa"/>
          <w:tblLook w:val="04A0"/>
        </w:tblPrEx>
        <w:tc>
          <w:tcPr>
            <w:tcW w:w="1525" w:type="dxa"/>
          </w:tcPr>
          <w:p w:rsidR="006B5461" w:rsidRPr="00397DDB" w:rsidP="00397DDB" w14:paraId="38635269" w14:textId="77777777">
            <w:pPr>
              <w:jc w:val="left"/>
              <w:rPr>
                <w:b/>
              </w:rPr>
            </w:pPr>
            <w:r w:rsidRPr="00397DDB">
              <w:rPr>
                <w:b/>
              </w:rPr>
              <w:t>AND TO:</w:t>
            </w:r>
          </w:p>
        </w:tc>
        <w:tc>
          <w:tcPr>
            <w:tcW w:w="8100" w:type="dxa"/>
          </w:tcPr>
          <w:p w:rsidR="006B5461" w:rsidRPr="00397DDB" w:rsidP="00397DDB" w14:paraId="555D6022" w14:textId="746C63FF">
            <w:pPr>
              <w:jc w:val="left"/>
            </w:pPr>
            <w:r w:rsidRPr="00397DDB">
              <w:rPr>
                <w:b/>
                <w:caps/>
              </w:rPr>
              <w:t>Blake, Cassels &amp; Graydon LLP</w:t>
            </w:r>
            <w:r w:rsidRPr="00397DDB">
              <w:br/>
              <w:t>199 Bay Street</w:t>
            </w:r>
            <w:r w:rsidRPr="00397DDB">
              <w:br/>
            </w:r>
            <w:r w:rsidRPr="00397DDB" w:rsidR="00ED0DB0">
              <w:t>Suite 4000, Commerce Court West</w:t>
            </w:r>
            <w:r w:rsidRPr="00397DDB" w:rsidR="00ED0DB0">
              <w:br/>
            </w:r>
            <w:r w:rsidRPr="00397DDB">
              <w:t>Toronto, ON  M5L 1A9</w:t>
            </w:r>
            <w:r w:rsidRPr="00397DDB">
              <w:br/>
              <w:t>Fax:</w:t>
            </w:r>
            <w:r w:rsidRPr="00397DDB">
              <w:tab/>
              <w:t>416-863-2653</w:t>
            </w:r>
          </w:p>
          <w:p w:rsidR="006B5461" w:rsidRPr="00397DDB" w:rsidP="00397DDB" w14:paraId="7A3DD7F5" w14:textId="1417654A">
            <w:pPr>
              <w:jc w:val="left"/>
              <w:rPr>
                <w:rStyle w:val="Fillin"/>
                <w:color w:val="auto"/>
              </w:rPr>
            </w:pPr>
            <w:r w:rsidRPr="00397DDB">
              <w:rPr>
                <w:rStyle w:val="Fillin"/>
                <w:b/>
                <w:color w:val="auto"/>
              </w:rPr>
              <w:t xml:space="preserve">Pamela Huff </w:t>
            </w:r>
            <w:r w:rsidRPr="00397DDB">
              <w:rPr>
                <w:rStyle w:val="Fillin"/>
                <w:color w:val="auto"/>
              </w:rPr>
              <w:br/>
            </w:r>
            <w:r w:rsidRPr="00397DDB" w:rsidR="00D33509">
              <w:rPr>
                <w:rStyle w:val="Fillin"/>
                <w:color w:val="auto"/>
              </w:rPr>
              <w:t>Tel:</w:t>
            </w:r>
            <w:r w:rsidRPr="00397DDB">
              <w:rPr>
                <w:rStyle w:val="Fillin"/>
                <w:color w:val="auto"/>
              </w:rPr>
              <w:tab/>
              <w:t>416-863-2958</w:t>
            </w:r>
            <w:r w:rsidRPr="00397DDB">
              <w:rPr>
                <w:rStyle w:val="Fillin"/>
                <w:color w:val="auto"/>
              </w:rPr>
              <w:br/>
              <w:t>Email:</w:t>
            </w:r>
            <w:r w:rsidRPr="00397DDB">
              <w:rPr>
                <w:rStyle w:val="Fillin"/>
                <w:color w:val="auto"/>
              </w:rPr>
              <w:tab/>
              <w:t>pamela.huff@blakes.com</w:t>
            </w:r>
          </w:p>
          <w:p w:rsidR="006B5461" w:rsidRPr="00397DDB" w:rsidP="00397DDB" w14:paraId="3192C984" w14:textId="53192639">
            <w:pPr>
              <w:jc w:val="left"/>
            </w:pPr>
            <w:r w:rsidRPr="00397DDB">
              <w:rPr>
                <w:rStyle w:val="Fillin"/>
                <w:b/>
                <w:color w:val="auto"/>
              </w:rPr>
              <w:t>Linc Rogers</w:t>
            </w:r>
            <w:r w:rsidRPr="00397DDB">
              <w:br/>
              <w:t>Tel:</w:t>
            </w:r>
            <w:r w:rsidRPr="00397DDB">
              <w:tab/>
              <w:t>416-863-4168</w:t>
            </w:r>
            <w:r w:rsidRPr="00397DDB">
              <w:br/>
              <w:t>Email:</w:t>
            </w:r>
            <w:r w:rsidRPr="00397DDB">
              <w:tab/>
              <w:t xml:space="preserve">linc.rogers@blakes.com </w:t>
            </w:r>
          </w:p>
          <w:p w:rsidR="006B5461" w:rsidRPr="00397DDB" w:rsidP="00397DDB" w14:paraId="67499C00" w14:textId="5A05F0BE">
            <w:pPr>
              <w:jc w:val="left"/>
            </w:pPr>
            <w:r w:rsidRPr="00397DDB">
              <w:rPr>
                <w:b/>
              </w:rPr>
              <w:t>Jake Harris</w:t>
            </w:r>
            <w:r w:rsidRPr="00397DDB" w:rsidR="00F72CA1">
              <w:br/>
              <w:t>Tel:</w:t>
            </w:r>
            <w:r w:rsidRPr="00397DDB" w:rsidR="00F72CA1">
              <w:tab/>
              <w:t>416-863-</w:t>
            </w:r>
            <w:r w:rsidRPr="00397DDB">
              <w:t>2523</w:t>
            </w:r>
            <w:r w:rsidRPr="00397DDB" w:rsidR="00F72CA1">
              <w:br/>
              <w:t>Email:</w:t>
            </w:r>
            <w:r w:rsidRPr="00397DDB" w:rsidR="00F72CA1">
              <w:tab/>
            </w:r>
            <w:r w:rsidRPr="00397DDB">
              <w:t>jake.harris</w:t>
            </w:r>
            <w:r w:rsidRPr="00397DDB" w:rsidR="00F72CA1">
              <w:t>@blakes.com</w:t>
            </w:r>
          </w:p>
          <w:p w:rsidR="00F72CA1" w:rsidRPr="00397DDB" w:rsidP="00397DDB" w14:paraId="0DF29E0B" w14:textId="4AB4C6C8">
            <w:pPr>
              <w:jc w:val="left"/>
            </w:pPr>
            <w:r w:rsidRPr="00397DDB">
              <w:rPr>
                <w:b/>
              </w:rPr>
              <w:t>Nancy Thompson</w:t>
            </w:r>
            <w:r w:rsidRPr="00397DDB">
              <w:t xml:space="preserve">, Law Clerk </w:t>
            </w:r>
            <w:r w:rsidRPr="00397DDB">
              <w:br/>
              <w:t>Tel:</w:t>
            </w:r>
            <w:r w:rsidRPr="00397DDB">
              <w:tab/>
              <w:t>416-863-2437</w:t>
            </w:r>
            <w:r w:rsidRPr="00397DDB">
              <w:br/>
              <w:t>Email:</w:t>
            </w:r>
            <w:r w:rsidRPr="00397DDB">
              <w:tab/>
            </w:r>
            <w:r w:rsidRPr="00397DDB">
              <w:rPr>
                <w:rStyle w:val="Hyperlink"/>
                <w:color w:val="auto"/>
                <w:u w:val="none"/>
              </w:rPr>
              <w:t>nancy.thompson@blakes.com</w:t>
            </w:r>
          </w:p>
          <w:p w:rsidR="006B5461" w:rsidRPr="00397DDB" w:rsidP="00397DDB" w14:paraId="2FA5D102" w14:textId="110238F6">
            <w:pPr>
              <w:jc w:val="left"/>
            </w:pPr>
            <w:r w:rsidRPr="00397DDB">
              <w:t>Lawyers for Deloitte Restructuring Inc.,</w:t>
            </w:r>
            <w:r w:rsidRPr="00397DDB" w:rsidR="00244A19">
              <w:br/>
            </w:r>
            <w:r w:rsidRPr="00397DDB">
              <w:t>in its capacity as Monitor of JTI-Macdonald Corp.</w:t>
            </w:r>
          </w:p>
        </w:tc>
      </w:tr>
      <w:tr w14:paraId="3D0E26F4" w14:textId="77777777" w:rsidTr="00397DDB">
        <w:tblPrEx>
          <w:tblW w:w="9625" w:type="dxa"/>
          <w:tblLook w:val="04A0"/>
        </w:tblPrEx>
        <w:tc>
          <w:tcPr>
            <w:tcW w:w="1525" w:type="dxa"/>
          </w:tcPr>
          <w:p w:rsidR="00CA0F11" w:rsidRPr="00397DDB" w:rsidP="00397DDB" w14:paraId="67AF039D" w14:textId="755B8E2C">
            <w:pPr>
              <w:jc w:val="left"/>
              <w:rPr>
                <w:b/>
              </w:rPr>
            </w:pPr>
            <w:r w:rsidRPr="00397DDB">
              <w:rPr>
                <w:b/>
              </w:rPr>
              <w:t>AND TO:</w:t>
            </w:r>
          </w:p>
        </w:tc>
        <w:tc>
          <w:tcPr>
            <w:tcW w:w="8100" w:type="dxa"/>
          </w:tcPr>
          <w:p w:rsidR="00CA0F11" w:rsidRPr="00397DDB" w:rsidP="00397DDB" w14:paraId="058518EA" w14:textId="77777777">
            <w:pPr>
              <w:jc w:val="left"/>
            </w:pPr>
            <w:r w:rsidRPr="00397DDB">
              <w:rPr>
                <w:b/>
                <w:caps/>
              </w:rPr>
              <w:t>MILLER THOMSON LLP</w:t>
            </w:r>
            <w:r w:rsidRPr="00397DDB">
              <w:rPr>
                <w:b/>
                <w:caps/>
              </w:rPr>
              <w:br/>
            </w:r>
            <w:r w:rsidRPr="00397DDB">
              <w:t>Scotia Plaza</w:t>
            </w:r>
            <w:r w:rsidRPr="00397DDB">
              <w:br/>
              <w:t>40 King Street West, Suite 5800</w:t>
            </w:r>
            <w:r w:rsidRPr="00397DDB">
              <w:br/>
              <w:t>Toronto, ON  M5H 3S1</w:t>
            </w:r>
          </w:p>
          <w:p w:rsidR="00CA0F11" w:rsidRPr="00397DDB" w:rsidP="00397DDB" w14:paraId="285B01D7" w14:textId="725DDB15">
            <w:pPr>
              <w:jc w:val="left"/>
              <w:rPr>
                <w:rStyle w:val="Fillin"/>
                <w:color w:val="auto"/>
              </w:rPr>
            </w:pPr>
            <w:r w:rsidRPr="00397DDB">
              <w:rPr>
                <w:rStyle w:val="Fillin"/>
                <w:b/>
                <w:color w:val="auto"/>
              </w:rPr>
              <w:t>Craig A. Mills</w:t>
            </w:r>
            <w:r w:rsidRPr="00397DDB">
              <w:rPr>
                <w:rStyle w:val="Fillin"/>
                <w:color w:val="auto"/>
              </w:rPr>
              <w:br/>
              <w:t>Tel:</w:t>
            </w:r>
            <w:r w:rsidRPr="00397DDB">
              <w:rPr>
                <w:rStyle w:val="Fillin"/>
                <w:color w:val="auto"/>
              </w:rPr>
              <w:tab/>
              <w:t>416-595-8596</w:t>
            </w:r>
            <w:r w:rsidRPr="00397DDB">
              <w:rPr>
                <w:rStyle w:val="Fillin"/>
                <w:color w:val="auto"/>
              </w:rPr>
              <w:br/>
              <w:t>Email:</w:t>
            </w:r>
            <w:r w:rsidRPr="00397DDB">
              <w:rPr>
                <w:rStyle w:val="Fillin"/>
                <w:color w:val="auto"/>
              </w:rPr>
              <w:tab/>
              <w:t>cmills@millerthomson.com</w:t>
            </w:r>
          </w:p>
          <w:p w:rsidR="00CA0F11" w:rsidRPr="00397DDB" w:rsidP="00397DDB" w14:paraId="402A97CB" w14:textId="7DC64E1E">
            <w:pPr>
              <w:jc w:val="left"/>
              <w:rPr>
                <w:b/>
                <w:caps/>
              </w:rPr>
            </w:pPr>
            <w:r w:rsidRPr="00397DDB">
              <w:t>Lawyers for North Atlantic Operating Company, Inc.</w:t>
            </w:r>
          </w:p>
        </w:tc>
      </w:tr>
      <w:tr w14:paraId="6C48288B" w14:textId="77777777" w:rsidTr="00397DDB">
        <w:tblPrEx>
          <w:tblW w:w="9625" w:type="dxa"/>
          <w:tblLook w:val="04A0"/>
        </w:tblPrEx>
        <w:tc>
          <w:tcPr>
            <w:tcW w:w="1525" w:type="dxa"/>
          </w:tcPr>
          <w:p w:rsidR="00B66E7E" w:rsidRPr="00397DDB" w:rsidP="00397DDB" w14:paraId="471EAFF6" w14:textId="629AC8A1">
            <w:pPr>
              <w:jc w:val="left"/>
              <w:rPr>
                <w:b/>
              </w:rPr>
            </w:pPr>
            <w:r w:rsidRPr="00397DDB">
              <w:rPr>
                <w:b/>
              </w:rPr>
              <w:t>AND TO:</w:t>
            </w:r>
          </w:p>
        </w:tc>
        <w:tc>
          <w:tcPr>
            <w:tcW w:w="8100" w:type="dxa"/>
          </w:tcPr>
          <w:p w:rsidR="00B66E7E" w:rsidRPr="00397DDB" w:rsidP="00397DDB" w14:paraId="32ECC6BF" w14:textId="3970613D">
            <w:pPr>
              <w:jc w:val="left"/>
            </w:pPr>
            <w:r w:rsidRPr="00397DDB">
              <w:rPr>
                <w:b/>
              </w:rPr>
              <w:t>MILLER THOMSON LLP</w:t>
            </w:r>
            <w:r w:rsidRPr="00397DDB">
              <w:rPr>
                <w:b/>
              </w:rPr>
              <w:br/>
            </w:r>
            <w:r w:rsidRPr="00397DDB">
              <w:t>1000, rue De La Gauchetière Ouest, bureau 3700</w:t>
            </w:r>
            <w:r w:rsidRPr="00397DDB">
              <w:br/>
              <w:t xml:space="preserve">Montreal, </w:t>
            </w:r>
            <w:r w:rsidRPr="00397DDB" w:rsidR="003D78A2">
              <w:t>QC</w:t>
            </w:r>
            <w:r w:rsidRPr="00397DDB">
              <w:t xml:space="preserve">  H3B 4W5</w:t>
            </w:r>
          </w:p>
          <w:p w:rsidR="00B66E7E" w:rsidRPr="00397DDB" w:rsidP="00397DDB" w14:paraId="278963F9" w14:textId="1D4FFB47">
            <w:pPr>
              <w:jc w:val="left"/>
            </w:pPr>
            <w:r w:rsidRPr="00397DDB">
              <w:rPr>
                <w:b/>
              </w:rPr>
              <w:t>Hubert Sibre</w:t>
            </w:r>
            <w:r w:rsidRPr="00397DDB">
              <w:br/>
              <w:t>Tel:</w:t>
            </w:r>
            <w:r w:rsidRPr="00397DDB">
              <w:tab/>
              <w:t>514-879-4088</w:t>
            </w:r>
            <w:r w:rsidRPr="00397DDB">
              <w:br/>
              <w:t>Email:</w:t>
            </w:r>
            <w:r w:rsidRPr="00397DDB">
              <w:tab/>
              <w:t>hsibre@millerthomson.com</w:t>
            </w:r>
          </w:p>
          <w:p w:rsidR="00B66E7E" w:rsidRPr="00397DDB" w:rsidP="00397DDB" w14:paraId="7F51481B" w14:textId="3351EFF0">
            <w:pPr>
              <w:jc w:val="left"/>
            </w:pPr>
            <w:r w:rsidRPr="00397DDB">
              <w:t xml:space="preserve">Lawyers for AIG Insurance Canada </w:t>
            </w:r>
          </w:p>
        </w:tc>
      </w:tr>
      <w:tr w14:paraId="3D223C22" w14:textId="77777777" w:rsidTr="00397DDB">
        <w:tblPrEx>
          <w:tblW w:w="9625" w:type="dxa"/>
          <w:tblLook w:val="04A0"/>
        </w:tblPrEx>
        <w:tc>
          <w:tcPr>
            <w:tcW w:w="1525" w:type="dxa"/>
          </w:tcPr>
          <w:p w:rsidR="006B5461" w:rsidRPr="00397DDB" w:rsidP="00397DDB" w14:paraId="21F8024C" w14:textId="77777777">
            <w:pPr>
              <w:jc w:val="left"/>
              <w:rPr>
                <w:b/>
              </w:rPr>
            </w:pPr>
            <w:r w:rsidRPr="00397DDB">
              <w:rPr>
                <w:b/>
              </w:rPr>
              <w:t>AND TO:</w:t>
            </w:r>
          </w:p>
        </w:tc>
        <w:tc>
          <w:tcPr>
            <w:tcW w:w="8100" w:type="dxa"/>
          </w:tcPr>
          <w:p w:rsidR="006B5461" w:rsidRPr="00397DDB" w:rsidP="00397DDB" w14:paraId="427CD069" w14:textId="64144E2B">
            <w:pPr>
              <w:jc w:val="left"/>
            </w:pPr>
            <w:r w:rsidRPr="00397DDB">
              <w:rPr>
                <w:b/>
                <w:caps/>
              </w:rPr>
              <w:t>BLUETREE ADVISORS INC.</w:t>
            </w:r>
            <w:r w:rsidRPr="00397DDB">
              <w:br/>
              <w:t>First Canada Place</w:t>
            </w:r>
            <w:r w:rsidRPr="00397DDB">
              <w:br/>
              <w:t>100 King Street West</w:t>
            </w:r>
            <w:r w:rsidRPr="00397DDB">
              <w:br/>
              <w:t>Suite 5600</w:t>
            </w:r>
            <w:r w:rsidRPr="00397DDB">
              <w:br/>
              <w:t xml:space="preserve">Toronto, ON </w:t>
            </w:r>
            <w:r w:rsidRPr="00397DDB" w:rsidR="00E76BE8">
              <w:t xml:space="preserve"> </w:t>
            </w:r>
            <w:r w:rsidRPr="00397DDB">
              <w:t>M5X 1C9</w:t>
            </w:r>
          </w:p>
          <w:p w:rsidR="006B5461" w:rsidRPr="00397DDB" w:rsidP="00397DDB" w14:paraId="4B1D76E6" w14:textId="0364C916">
            <w:pPr>
              <w:jc w:val="left"/>
              <w:rPr>
                <w:rStyle w:val="Fillin"/>
                <w:color w:val="auto"/>
              </w:rPr>
            </w:pPr>
            <w:r w:rsidRPr="00397DDB">
              <w:rPr>
                <w:rStyle w:val="Fillin"/>
                <w:b/>
                <w:color w:val="auto"/>
              </w:rPr>
              <w:t>William E. Aziz</w:t>
            </w:r>
            <w:r w:rsidRPr="00397DDB">
              <w:rPr>
                <w:rStyle w:val="Fillin"/>
                <w:color w:val="auto"/>
              </w:rPr>
              <w:br/>
              <w:t>Tel:</w:t>
            </w:r>
            <w:r w:rsidRPr="00397DDB">
              <w:rPr>
                <w:rStyle w:val="Fillin"/>
                <w:color w:val="auto"/>
              </w:rPr>
              <w:tab/>
              <w:t>416-</w:t>
            </w:r>
            <w:r w:rsidRPr="00397DDB" w:rsidR="00934153">
              <w:rPr>
                <w:rStyle w:val="Fillin"/>
                <w:color w:val="auto"/>
              </w:rPr>
              <w:t>575-2200</w:t>
            </w:r>
            <w:r w:rsidRPr="00397DDB">
              <w:rPr>
                <w:rStyle w:val="Fillin"/>
                <w:color w:val="auto"/>
              </w:rPr>
              <w:br/>
              <w:t>Email:</w:t>
            </w:r>
            <w:r w:rsidRPr="00397DDB">
              <w:rPr>
                <w:rStyle w:val="Fillin"/>
                <w:color w:val="auto"/>
              </w:rPr>
              <w:tab/>
              <w:t>baziz@bluetreeadvisors.com</w:t>
            </w:r>
          </w:p>
          <w:p w:rsidR="00E02C95" w:rsidRPr="00397DDB" w:rsidP="00397DDB" w14:paraId="49542BD4" w14:textId="595E84BD">
            <w:pPr>
              <w:jc w:val="left"/>
            </w:pPr>
            <w:r w:rsidRPr="00397DDB">
              <w:t>Chief Restructuring Officer of JTI-Macdonald Corp.</w:t>
            </w:r>
          </w:p>
        </w:tc>
      </w:tr>
      <w:tr w14:paraId="0E56BF15" w14:textId="77777777" w:rsidTr="00397DDB">
        <w:tblPrEx>
          <w:tblW w:w="9625" w:type="dxa"/>
          <w:tblLook w:val="04A0"/>
        </w:tblPrEx>
        <w:tc>
          <w:tcPr>
            <w:tcW w:w="1525" w:type="dxa"/>
          </w:tcPr>
          <w:p w:rsidR="006B5461" w:rsidRPr="00397DDB" w:rsidP="00397DDB" w14:paraId="6569AF34" w14:textId="65842C05">
            <w:pPr>
              <w:jc w:val="left"/>
              <w:rPr>
                <w:b/>
              </w:rPr>
            </w:pPr>
            <w:r w:rsidRPr="00397DDB">
              <w:rPr>
                <w:b/>
              </w:rPr>
              <w:t>AND TO:</w:t>
            </w:r>
          </w:p>
        </w:tc>
        <w:tc>
          <w:tcPr>
            <w:tcW w:w="8100" w:type="dxa"/>
          </w:tcPr>
          <w:p w:rsidR="006B5461" w:rsidRPr="00397DDB" w:rsidP="00397DDB" w14:paraId="22734957" w14:textId="585EA22A">
            <w:pPr>
              <w:jc w:val="left"/>
            </w:pPr>
            <w:r w:rsidRPr="00397DDB">
              <w:rPr>
                <w:b/>
                <w:caps/>
              </w:rPr>
              <w:t>Stikeman Elliott LLP</w:t>
            </w:r>
            <w:r w:rsidRPr="00397DDB">
              <w:rPr>
                <w:b/>
                <w:caps/>
              </w:rPr>
              <w:br/>
            </w:r>
            <w:r w:rsidRPr="00397DDB">
              <w:t>Commerce Court West</w:t>
            </w:r>
            <w:r w:rsidRPr="00397DDB">
              <w:br/>
              <w:t>199 Bay Street</w:t>
            </w:r>
            <w:r w:rsidRPr="00397DDB" w:rsidR="00CA2CF0">
              <w:t xml:space="preserve">, </w:t>
            </w:r>
            <w:r w:rsidRPr="00397DDB">
              <w:t>Suite 5300</w:t>
            </w:r>
            <w:r w:rsidRPr="00397DDB">
              <w:br/>
              <w:t>Toronto, ON  M5L 1B9</w:t>
            </w:r>
            <w:r w:rsidRPr="00397DDB">
              <w:br/>
              <w:t>Fax:</w:t>
            </w:r>
            <w:r w:rsidRPr="00397DDB">
              <w:tab/>
              <w:t>416-947-0866</w:t>
            </w:r>
          </w:p>
          <w:p w:rsidR="006B5461" w:rsidRPr="00397DDB" w:rsidP="00397DDB" w14:paraId="3BD15437" w14:textId="333380EF">
            <w:pPr>
              <w:jc w:val="left"/>
              <w:rPr>
                <w:rStyle w:val="Hyperlink"/>
                <w:color w:val="auto"/>
                <w:u w:val="none"/>
              </w:rPr>
            </w:pPr>
            <w:r w:rsidRPr="00397DDB">
              <w:rPr>
                <w:b/>
              </w:rPr>
              <w:t>David</w:t>
            </w:r>
            <w:r w:rsidRPr="00397DDB" w:rsidR="0092361F">
              <w:rPr>
                <w:b/>
              </w:rPr>
              <w:t xml:space="preserve"> R.</w:t>
            </w:r>
            <w:r w:rsidRPr="00397DDB">
              <w:rPr>
                <w:b/>
              </w:rPr>
              <w:t xml:space="preserve"> Byers</w:t>
            </w:r>
            <w:r w:rsidRPr="00397DDB">
              <w:rPr>
                <w:b/>
              </w:rPr>
              <w:br/>
            </w:r>
            <w:r w:rsidRPr="00397DDB">
              <w:t>Tel:</w:t>
            </w:r>
            <w:r w:rsidRPr="00397DDB">
              <w:tab/>
              <w:t>416-869-5697</w:t>
            </w:r>
            <w:r w:rsidRPr="00397DDB">
              <w:br/>
              <w:t xml:space="preserve">Email: </w:t>
            </w:r>
            <w:r w:rsidRPr="00397DDB">
              <w:tab/>
              <w:t>dbyers@stikeman.com</w:t>
            </w:r>
          </w:p>
          <w:p w:rsidR="006B5461" w:rsidRPr="00397DDB" w:rsidP="00397DDB" w14:paraId="68989200" w14:textId="77777777">
            <w:pPr>
              <w:jc w:val="left"/>
            </w:pPr>
            <w:r w:rsidRPr="00397DDB">
              <w:rPr>
                <w:b/>
              </w:rPr>
              <w:t>Maria Konyukhova</w:t>
            </w:r>
            <w:r w:rsidRPr="00397DDB">
              <w:rPr>
                <w:b/>
              </w:rPr>
              <w:br/>
            </w:r>
            <w:r w:rsidRPr="00397DDB">
              <w:t>Tel:</w:t>
            </w:r>
            <w:r w:rsidRPr="00397DDB">
              <w:tab/>
              <w:t>416-869-5230</w:t>
            </w:r>
            <w:r w:rsidRPr="00397DDB">
              <w:br/>
              <w:t>Email:</w:t>
            </w:r>
            <w:r w:rsidRPr="00397DDB">
              <w:tab/>
              <w:t>mkonyukhova@stikeman.com</w:t>
            </w:r>
          </w:p>
          <w:p w:rsidR="0092361F" w:rsidRPr="00397DDB" w:rsidP="00397DDB" w14:paraId="1EB9103E" w14:textId="77777777">
            <w:pPr>
              <w:jc w:val="left"/>
            </w:pPr>
            <w:r w:rsidRPr="00397DDB">
              <w:rPr>
                <w:b/>
              </w:rPr>
              <w:t>Lesley Mercer</w:t>
            </w:r>
            <w:r w:rsidRPr="00397DDB">
              <w:rPr>
                <w:b/>
              </w:rPr>
              <w:br/>
            </w:r>
            <w:r w:rsidRPr="00397DDB">
              <w:t>Tel:</w:t>
            </w:r>
            <w:r w:rsidRPr="00397DDB">
              <w:tab/>
              <w:t>416-869-6859</w:t>
            </w:r>
            <w:r w:rsidRPr="00397DDB">
              <w:br/>
              <w:t>Email:</w:t>
            </w:r>
            <w:r w:rsidRPr="00397DDB">
              <w:tab/>
              <w:t xml:space="preserve">lmercer@stikeman.com </w:t>
            </w:r>
          </w:p>
          <w:p w:rsidR="006B5461" w:rsidRPr="00397DDB" w:rsidP="00397DDB" w14:paraId="402609E7" w14:textId="162AE94D">
            <w:pPr>
              <w:jc w:val="left"/>
            </w:pPr>
            <w:r w:rsidRPr="00397DDB">
              <w:t xml:space="preserve">Lawyers </w:t>
            </w:r>
            <w:r w:rsidRPr="00397DDB" w:rsidR="00CA2CF0">
              <w:t>for</w:t>
            </w:r>
            <w:r w:rsidRPr="00397DDB">
              <w:t xml:space="preserve"> British American Tobacco p.l.c., B.A.T. Industries p.l.c.</w:t>
            </w:r>
            <w:r w:rsidRPr="00397DDB" w:rsidR="00244A19">
              <w:br/>
            </w:r>
            <w:r w:rsidRPr="00397DDB">
              <w:t>and British American Tobacco (Investments) Limited</w:t>
            </w:r>
          </w:p>
        </w:tc>
      </w:tr>
      <w:tr w14:paraId="1BFC1BB9" w14:textId="77777777" w:rsidTr="00397DDB">
        <w:tblPrEx>
          <w:tblW w:w="9625" w:type="dxa"/>
          <w:tblLook w:val="04A0"/>
        </w:tblPrEx>
        <w:tc>
          <w:tcPr>
            <w:tcW w:w="1525" w:type="dxa"/>
          </w:tcPr>
          <w:p w:rsidR="006B5461" w:rsidRPr="00397DDB" w:rsidP="00397DDB" w14:paraId="30ED4C24" w14:textId="77777777">
            <w:pPr>
              <w:jc w:val="left"/>
              <w:rPr>
                <w:b/>
              </w:rPr>
            </w:pPr>
            <w:r w:rsidRPr="00397DDB">
              <w:rPr>
                <w:b/>
              </w:rPr>
              <w:t>AND TO:</w:t>
            </w:r>
          </w:p>
        </w:tc>
        <w:tc>
          <w:tcPr>
            <w:tcW w:w="8100" w:type="dxa"/>
          </w:tcPr>
          <w:p w:rsidR="006B5461" w:rsidRPr="00397DDB" w:rsidP="00397DDB" w14:paraId="1A8ECDCF" w14:textId="21A3B111">
            <w:pPr>
              <w:jc w:val="left"/>
            </w:pPr>
            <w:r w:rsidRPr="00397DDB">
              <w:rPr>
                <w:b/>
                <w:caps/>
              </w:rPr>
              <w:t>Osler, Hoskin &amp; Harcourt LLP</w:t>
            </w:r>
            <w:r w:rsidRPr="00397DDB">
              <w:rPr>
                <w:b/>
                <w:caps/>
              </w:rPr>
              <w:br/>
            </w:r>
            <w:r w:rsidRPr="00397DDB">
              <w:t>100 King Street West</w:t>
            </w:r>
            <w:r w:rsidRPr="00397DDB">
              <w:br/>
            </w:r>
            <w:r w:rsidRPr="00397DDB" w:rsidR="006F3AE2">
              <w:t>1 First Canadian Place</w:t>
            </w:r>
            <w:r w:rsidRPr="00397DDB" w:rsidR="006F3AE2">
              <w:br/>
            </w:r>
            <w:r w:rsidRPr="00397DDB">
              <w:t>Suite 6</w:t>
            </w:r>
            <w:r w:rsidRPr="00397DDB" w:rsidR="00DD0B7B">
              <w:t>2</w:t>
            </w:r>
            <w:r w:rsidRPr="00397DDB">
              <w:t>00</w:t>
            </w:r>
            <w:r w:rsidRPr="00397DDB" w:rsidR="006F3AE2">
              <w:t>, P.O. Box 50</w:t>
            </w:r>
            <w:r w:rsidRPr="00397DDB">
              <w:br/>
              <w:t>Toronto, ON  M5X 1B8</w:t>
            </w:r>
            <w:r w:rsidRPr="00397DDB">
              <w:br/>
              <w:t>Fax:</w:t>
            </w:r>
            <w:r w:rsidRPr="00397DDB">
              <w:tab/>
              <w:t>416-862-6666</w:t>
            </w:r>
          </w:p>
          <w:p w:rsidR="006B5461" w:rsidRPr="00397DDB" w:rsidP="00397DDB" w14:paraId="737A31AC" w14:textId="4F7697E0">
            <w:pPr>
              <w:jc w:val="left"/>
            </w:pPr>
            <w:r w:rsidRPr="00397DDB">
              <w:rPr>
                <w:b/>
              </w:rPr>
              <w:t>Deborah Glendinning</w:t>
            </w:r>
            <w:r w:rsidRPr="00397DDB">
              <w:rPr>
                <w:b/>
              </w:rPr>
              <w:br/>
            </w:r>
            <w:r w:rsidRPr="00397DDB">
              <w:t>Tel:</w:t>
            </w:r>
            <w:r w:rsidRPr="00397DDB">
              <w:tab/>
              <w:t>416-862-4714</w:t>
            </w:r>
            <w:r w:rsidRPr="00397DDB">
              <w:br/>
              <w:t>Email:</w:t>
            </w:r>
            <w:r w:rsidRPr="00397DDB">
              <w:tab/>
              <w:t xml:space="preserve">dglendinning@osler.com </w:t>
            </w:r>
          </w:p>
          <w:p w:rsidR="006B5461" w:rsidRPr="00397DDB" w:rsidP="00397DDB" w14:paraId="31D08B85" w14:textId="2C5BDAE6">
            <w:pPr>
              <w:jc w:val="left"/>
            </w:pPr>
            <w:r w:rsidRPr="00397DDB">
              <w:rPr>
                <w:b/>
              </w:rPr>
              <w:t xml:space="preserve">Marc Wasserman </w:t>
            </w:r>
            <w:r w:rsidRPr="00397DDB">
              <w:rPr>
                <w:b/>
              </w:rPr>
              <w:br/>
            </w:r>
            <w:r w:rsidRPr="00397DDB">
              <w:t>Tel:</w:t>
            </w:r>
            <w:r w:rsidRPr="00397DDB">
              <w:tab/>
              <w:t>416-862-4908</w:t>
            </w:r>
            <w:r w:rsidRPr="00397DDB">
              <w:br/>
              <w:t>Email:</w:t>
            </w:r>
            <w:r w:rsidRPr="00397DDB">
              <w:tab/>
            </w:r>
            <w:r w:rsidRPr="00397DDB">
              <w:rPr>
                <w:rStyle w:val="Hyperlink"/>
                <w:color w:val="auto"/>
                <w:u w:val="none"/>
              </w:rPr>
              <w:t>mwasserman@osler.com</w:t>
            </w:r>
          </w:p>
          <w:p w:rsidR="006F3AE2" w:rsidRPr="00397DDB" w:rsidP="00397DDB" w14:paraId="026B1F48" w14:textId="3CEECCBA">
            <w:pPr>
              <w:jc w:val="left"/>
            </w:pPr>
            <w:r w:rsidRPr="00397DDB">
              <w:rPr>
                <w:b/>
              </w:rPr>
              <w:t xml:space="preserve">John A. MacDonald </w:t>
            </w:r>
            <w:r w:rsidRPr="00397DDB">
              <w:rPr>
                <w:b/>
              </w:rPr>
              <w:br/>
            </w:r>
            <w:r w:rsidRPr="00397DDB">
              <w:t>Tel:</w:t>
            </w:r>
            <w:r w:rsidRPr="00397DDB">
              <w:tab/>
              <w:t>416-862-5672</w:t>
            </w:r>
            <w:r w:rsidRPr="00397DDB">
              <w:br/>
              <w:t>Email:</w:t>
            </w:r>
            <w:r w:rsidRPr="00397DDB">
              <w:tab/>
            </w:r>
            <w:r w:rsidRPr="00397DDB">
              <w:rPr>
                <w:rStyle w:val="Hyperlink"/>
                <w:color w:val="auto"/>
                <w:u w:val="none"/>
              </w:rPr>
              <w:t>jmacdonald@osler.com</w:t>
            </w:r>
          </w:p>
          <w:p w:rsidR="006F3AE2" w:rsidRPr="00397DDB" w:rsidP="00397DDB" w14:paraId="629BB936" w14:textId="3F33EEAD">
            <w:pPr>
              <w:jc w:val="left"/>
              <w:rPr>
                <w:rStyle w:val="Hyperlink"/>
                <w:color w:val="auto"/>
                <w:u w:val="none"/>
              </w:rPr>
            </w:pPr>
            <w:r w:rsidRPr="00397DDB">
              <w:rPr>
                <w:b/>
              </w:rPr>
              <w:t xml:space="preserve">Michael De Lellis </w:t>
            </w:r>
            <w:r w:rsidRPr="00397DDB">
              <w:rPr>
                <w:b/>
              </w:rPr>
              <w:br/>
            </w:r>
            <w:r w:rsidRPr="00397DDB">
              <w:t>Tel:</w:t>
            </w:r>
            <w:r w:rsidRPr="00397DDB">
              <w:tab/>
              <w:t>416-862-5997</w:t>
            </w:r>
            <w:r w:rsidRPr="00397DDB">
              <w:br/>
              <w:t>Email:</w:t>
            </w:r>
            <w:r w:rsidRPr="00397DDB">
              <w:tab/>
            </w:r>
            <w:r w:rsidRPr="00397DDB">
              <w:rPr>
                <w:rStyle w:val="Hyperlink"/>
                <w:color w:val="auto"/>
                <w:u w:val="none"/>
              </w:rPr>
              <w:t>mdelellis@osler.com</w:t>
            </w:r>
          </w:p>
          <w:p w:rsidR="00D11F16" w:rsidRPr="00397DDB" w:rsidP="00397DDB" w14:paraId="46D70868" w14:textId="6A944A29">
            <w:pPr>
              <w:jc w:val="left"/>
            </w:pPr>
            <w:r w:rsidRPr="00397DDB">
              <w:rPr>
                <w:b/>
                <w:bCs/>
              </w:rPr>
              <w:t>Craig Lockwood</w:t>
            </w:r>
            <w:r w:rsidRPr="00397DDB">
              <w:br/>
              <w:t>Tel:</w:t>
            </w:r>
            <w:r w:rsidRPr="00397DDB">
              <w:tab/>
              <w:t>416-862-5988</w:t>
            </w:r>
            <w:r w:rsidRPr="00397DDB">
              <w:br/>
              <w:t>Email:</w:t>
            </w:r>
            <w:r w:rsidRPr="00397DDB">
              <w:tab/>
              <w:t>clockwood@osler.com</w:t>
            </w:r>
          </w:p>
          <w:p w:rsidR="00680B6E" w:rsidRPr="00397DDB" w:rsidP="00397DDB" w14:paraId="55EDFEA1" w14:textId="4D5F74D6">
            <w:pPr>
              <w:jc w:val="left"/>
            </w:pPr>
            <w:r w:rsidRPr="00397DDB">
              <w:rPr>
                <w:b/>
                <w:bCs/>
              </w:rPr>
              <w:t>Marleigh Dick</w:t>
            </w:r>
            <w:r w:rsidRPr="00397DDB">
              <w:br/>
              <w:t>Tel:</w:t>
            </w:r>
            <w:r w:rsidRPr="00397DDB">
              <w:tab/>
              <w:t>416-862-4725</w:t>
            </w:r>
            <w:r w:rsidRPr="00397DDB">
              <w:br/>
              <w:t>Email:</w:t>
            </w:r>
            <w:r w:rsidRPr="00397DDB">
              <w:tab/>
              <w:t>mdick@osler.com</w:t>
            </w:r>
          </w:p>
          <w:p w:rsidR="00BF3281" w:rsidRPr="00397DDB" w:rsidP="00397DDB" w14:paraId="6F5DFB61" w14:textId="4AEA4511">
            <w:pPr>
              <w:jc w:val="left"/>
            </w:pPr>
            <w:r w:rsidRPr="00397DDB">
              <w:rPr>
                <w:b/>
                <w:bCs/>
              </w:rPr>
              <w:t>Martino Calvaruso</w:t>
            </w:r>
            <w:r w:rsidRPr="00397DDB">
              <w:br/>
              <w:t>Tel:</w:t>
            </w:r>
            <w:r w:rsidRPr="00397DDB">
              <w:tab/>
              <w:t>416-862-6665</w:t>
            </w:r>
            <w:r w:rsidRPr="00397DDB">
              <w:br/>
              <w:t>Email:</w:t>
            </w:r>
            <w:r w:rsidRPr="00397DDB">
              <w:tab/>
              <w:t>mcalvaruso@osler.com</w:t>
            </w:r>
          </w:p>
          <w:p w:rsidR="006B5461" w:rsidRPr="00397DDB" w:rsidP="00397DDB" w14:paraId="288546DC" w14:textId="77B052F5">
            <w:pPr>
              <w:jc w:val="left"/>
            </w:pPr>
            <w:r w:rsidRPr="00397DDB">
              <w:t xml:space="preserve">Lawyers for </w:t>
            </w:r>
            <w:r w:rsidRPr="00397DDB">
              <w:rPr>
                <w:rStyle w:val="Fillin"/>
                <w:color w:val="auto"/>
              </w:rPr>
              <w:t>Imperial</w:t>
            </w:r>
            <w:r w:rsidRPr="00397DDB">
              <w:t xml:space="preserve"> Tobacco Canada Limited</w:t>
            </w:r>
            <w:r w:rsidRPr="00397DDB" w:rsidR="00E02C95">
              <w:t xml:space="preserve"> and</w:t>
            </w:r>
            <w:r w:rsidRPr="00397DDB" w:rsidR="00244A19">
              <w:br/>
            </w:r>
            <w:r w:rsidRPr="00397DDB" w:rsidR="00E02C95">
              <w:t>Imperial Tobacco Company Limited</w:t>
            </w:r>
          </w:p>
        </w:tc>
      </w:tr>
      <w:tr w14:paraId="1B4A2587" w14:textId="77777777" w:rsidTr="00397DDB">
        <w:tblPrEx>
          <w:tblW w:w="9625" w:type="dxa"/>
          <w:tblLook w:val="04A0"/>
        </w:tblPrEx>
        <w:tc>
          <w:tcPr>
            <w:tcW w:w="1525" w:type="dxa"/>
          </w:tcPr>
          <w:p w:rsidR="00AB0FB9" w:rsidRPr="00397DDB" w:rsidP="00397DDB" w14:paraId="54DDD261" w14:textId="4F8B2A89">
            <w:pPr>
              <w:jc w:val="left"/>
              <w:rPr>
                <w:b/>
              </w:rPr>
            </w:pPr>
            <w:r w:rsidRPr="00397DDB">
              <w:rPr>
                <w:b/>
              </w:rPr>
              <w:t>AND TO:</w:t>
            </w:r>
          </w:p>
        </w:tc>
        <w:tc>
          <w:tcPr>
            <w:tcW w:w="8100" w:type="dxa"/>
          </w:tcPr>
          <w:p w:rsidR="00AB0FB9" w:rsidRPr="00397DDB" w:rsidP="00397DDB" w14:paraId="5900C0ED" w14:textId="089BC873">
            <w:pPr>
              <w:jc w:val="left"/>
            </w:pPr>
            <w:bookmarkStart w:id="0" w:name="_Hlk95142586"/>
            <w:r w:rsidRPr="00397DDB">
              <w:rPr>
                <w:b/>
              </w:rPr>
              <w:t>DAVIES WARD PHILLIPS &amp; VINEBERG LLP</w:t>
            </w:r>
            <w:r w:rsidRPr="00397DDB">
              <w:br/>
              <w:t>155 Wellington Street West</w:t>
            </w:r>
            <w:r w:rsidRPr="00397DDB">
              <w:br/>
              <w:t>Toronto, O</w:t>
            </w:r>
            <w:r w:rsidRPr="00397DDB" w:rsidR="00E76BE8">
              <w:t xml:space="preserve">N  </w:t>
            </w:r>
            <w:r w:rsidRPr="00397DDB">
              <w:t>M5V 3J7</w:t>
            </w:r>
          </w:p>
          <w:p w:rsidR="00AB0FB9" w:rsidRPr="00397DDB" w:rsidP="00397DDB" w14:paraId="275788C1" w14:textId="2505DDE6">
            <w:pPr>
              <w:jc w:val="left"/>
            </w:pPr>
            <w:r w:rsidRPr="00397DDB">
              <w:rPr>
                <w:b/>
              </w:rPr>
              <w:t>Natasha MacParland</w:t>
            </w:r>
            <w:r w:rsidRPr="00397DDB">
              <w:br/>
              <w:t>Tel:</w:t>
            </w:r>
            <w:r w:rsidRPr="00397DDB">
              <w:tab/>
              <w:t>416-863-5567</w:t>
            </w:r>
            <w:r w:rsidRPr="00397DDB">
              <w:br/>
              <w:t>Email:</w:t>
            </w:r>
            <w:r w:rsidRPr="00397DDB">
              <w:tab/>
              <w:t>nmacparland@dwpv.com</w:t>
            </w:r>
          </w:p>
          <w:p w:rsidR="00A76ADA" w:rsidRPr="00397DDB" w:rsidP="00397DDB" w14:paraId="3F6DD458" w14:textId="77777777">
            <w:pPr>
              <w:jc w:val="left"/>
            </w:pPr>
            <w:r w:rsidRPr="00397DDB">
              <w:rPr>
                <w:b/>
                <w:bCs/>
              </w:rPr>
              <w:t>Chanakya Sethi</w:t>
            </w:r>
            <w:r w:rsidRPr="00397DDB">
              <w:br/>
              <w:t>Tel:</w:t>
            </w:r>
            <w:r w:rsidRPr="00397DDB">
              <w:tab/>
              <w:t>416-863-5516</w:t>
            </w:r>
            <w:r w:rsidRPr="00397DDB">
              <w:br/>
              <w:t>Email:</w:t>
            </w:r>
            <w:r w:rsidRPr="00397DDB">
              <w:tab/>
              <w:t>csethi@dwpv.com</w:t>
            </w:r>
          </w:p>
          <w:p w:rsidR="00840D23" w:rsidRPr="00397DDB" w:rsidP="00397DDB" w14:paraId="2253D63A" w14:textId="3303912C">
            <w:pPr>
              <w:jc w:val="left"/>
            </w:pPr>
            <w:r w:rsidRPr="00397DDB">
              <w:rPr>
                <w:b/>
                <w:bCs/>
              </w:rPr>
              <w:t>Robert Nicholls</w:t>
            </w:r>
            <w:r w:rsidRPr="00397DDB">
              <w:br/>
              <w:t>Email:</w:t>
            </w:r>
            <w:r w:rsidRPr="00397DDB">
              <w:tab/>
            </w:r>
            <w:r w:rsidRPr="00397DDB" w:rsidR="00D84B54">
              <w:t>rnicholls@dwpv.com</w:t>
            </w:r>
          </w:p>
          <w:p w:rsidR="00D73EAE" w:rsidRPr="00397DDB" w:rsidP="00397DDB" w14:paraId="69305DF9" w14:textId="08799608">
            <w:pPr>
              <w:jc w:val="left"/>
            </w:pPr>
            <w:r w:rsidRPr="00397DDB">
              <w:rPr>
                <w:b/>
                <w:bCs/>
              </w:rPr>
              <w:t>Nicole Fedak</w:t>
            </w:r>
            <w:r w:rsidRPr="00397DDB">
              <w:t>, Law Clerk</w:t>
            </w:r>
            <w:r w:rsidRPr="00397DDB">
              <w:rPr>
                <w:b/>
                <w:bCs/>
              </w:rPr>
              <w:br/>
            </w:r>
            <w:r w:rsidRPr="00397DDB">
              <w:t>Email:</w:t>
            </w:r>
            <w:r w:rsidRPr="00397DDB">
              <w:tab/>
            </w:r>
            <w:r w:rsidRPr="00397DDB">
              <w:t>nfedak</w:t>
            </w:r>
            <w:r w:rsidRPr="00397DDB">
              <w:t>@dwpv.com</w:t>
            </w:r>
          </w:p>
          <w:p w:rsidR="00AB0FB9" w:rsidRPr="00397DDB" w:rsidP="00397DDB" w14:paraId="5CDCBCF7" w14:textId="43A2F433">
            <w:pPr>
              <w:jc w:val="left"/>
              <w:rPr>
                <w:b/>
                <w:caps/>
              </w:rPr>
            </w:pPr>
            <w:r w:rsidRPr="00397DDB">
              <w:t xml:space="preserve">Lawyers </w:t>
            </w:r>
            <w:r w:rsidRPr="00397DDB" w:rsidR="00244A19">
              <w:t>for</w:t>
            </w:r>
            <w:r w:rsidRPr="00397DDB">
              <w:t xml:space="preserve"> FTI Consulting Canada Inc., in its capacity as Monitor of Imperial Tobacco Canada Limited and Imperial Tobacco Company Limited</w:t>
            </w:r>
            <w:bookmarkEnd w:id="0"/>
          </w:p>
        </w:tc>
      </w:tr>
      <w:tr w14:paraId="3A230EA6" w14:textId="77777777" w:rsidTr="00397DDB">
        <w:tblPrEx>
          <w:tblW w:w="9625" w:type="dxa"/>
          <w:tblLook w:val="04A0"/>
        </w:tblPrEx>
        <w:tc>
          <w:tcPr>
            <w:tcW w:w="1525" w:type="dxa"/>
          </w:tcPr>
          <w:p w:rsidR="006C0DEF" w:rsidRPr="00397DDB" w:rsidP="00397DDB" w14:paraId="7785662A" w14:textId="13943710">
            <w:pPr>
              <w:jc w:val="left"/>
              <w:rPr>
                <w:b/>
              </w:rPr>
            </w:pPr>
            <w:r w:rsidRPr="00397DDB">
              <w:rPr>
                <w:b/>
              </w:rPr>
              <w:t>AND TO:</w:t>
            </w:r>
          </w:p>
        </w:tc>
        <w:tc>
          <w:tcPr>
            <w:tcW w:w="8100" w:type="dxa"/>
          </w:tcPr>
          <w:p w:rsidR="006C0DEF" w:rsidRPr="00397DDB" w:rsidP="00397DDB" w14:paraId="6A697C59" w14:textId="0B0CAB04">
            <w:pPr>
              <w:jc w:val="left"/>
              <w:rPr>
                <w:bCs/>
              </w:rPr>
            </w:pPr>
            <w:r w:rsidRPr="00397DDB">
              <w:rPr>
                <w:b/>
              </w:rPr>
              <w:t>MORGAN, LEWIS &amp; BOCKIUS LLP</w:t>
            </w:r>
            <w:r w:rsidRPr="00397DDB">
              <w:rPr>
                <w:bCs/>
              </w:rPr>
              <w:br/>
              <w:t>101 Park Avenue</w:t>
            </w:r>
            <w:r w:rsidRPr="00397DDB">
              <w:rPr>
                <w:bCs/>
              </w:rPr>
              <w:br/>
              <w:t>New York, NY  10178-0060</w:t>
            </w:r>
          </w:p>
          <w:p w:rsidR="006C0DEF" w:rsidRPr="00397DDB" w:rsidP="00397DDB" w14:paraId="567069A0" w14:textId="77777777">
            <w:pPr>
              <w:jc w:val="left"/>
              <w:rPr>
                <w:bCs/>
              </w:rPr>
            </w:pPr>
            <w:r w:rsidRPr="00397DDB">
              <w:rPr>
                <w:b/>
              </w:rPr>
              <w:t>Jennifer Feldsher</w:t>
            </w:r>
            <w:r w:rsidRPr="00397DDB">
              <w:rPr>
                <w:bCs/>
              </w:rPr>
              <w:br/>
              <w:t>Tel:</w:t>
            </w:r>
            <w:r w:rsidRPr="00397DDB">
              <w:rPr>
                <w:bCs/>
              </w:rPr>
              <w:tab/>
              <w:t>212-309-6017</w:t>
            </w:r>
            <w:r w:rsidRPr="00397DDB">
              <w:rPr>
                <w:bCs/>
              </w:rPr>
              <w:br/>
              <w:t>Email:</w:t>
            </w:r>
            <w:r w:rsidRPr="00397DDB">
              <w:rPr>
                <w:bCs/>
              </w:rPr>
              <w:tab/>
              <w:t>jennifer.feldser@morganlewis.com</w:t>
            </w:r>
          </w:p>
          <w:p w:rsidR="006C0DEF" w:rsidRPr="00397DDB" w:rsidP="00397DDB" w14:paraId="4567CD97" w14:textId="0456ABE3">
            <w:pPr>
              <w:jc w:val="left"/>
              <w:rPr>
                <w:bCs/>
              </w:rPr>
            </w:pPr>
            <w:r w:rsidRPr="00397DDB">
              <w:rPr>
                <w:b/>
              </w:rPr>
              <w:t>MORGAN, LEWIS &amp; BOCKIUS LLP</w:t>
            </w:r>
            <w:r w:rsidRPr="00397DDB">
              <w:rPr>
                <w:bCs/>
              </w:rPr>
              <w:br/>
              <w:t>One State Street</w:t>
            </w:r>
            <w:r w:rsidRPr="00397DDB">
              <w:rPr>
                <w:bCs/>
              </w:rPr>
              <w:br/>
              <w:t>Hartford, CT  06103-3178</w:t>
            </w:r>
          </w:p>
          <w:p w:rsidR="006C0DEF" w:rsidRPr="00397DDB" w:rsidP="00397DDB" w14:paraId="5017C9D4" w14:textId="497776D9">
            <w:pPr>
              <w:jc w:val="left"/>
              <w:rPr>
                <w:bCs/>
              </w:rPr>
            </w:pPr>
            <w:r w:rsidRPr="00397DDB">
              <w:rPr>
                <w:b/>
              </w:rPr>
              <w:t>David K. Shim</w:t>
            </w:r>
            <w:r w:rsidRPr="00397DDB">
              <w:rPr>
                <w:bCs/>
              </w:rPr>
              <w:br/>
              <w:t>Tel:</w:t>
            </w:r>
            <w:r w:rsidRPr="00397DDB">
              <w:rPr>
                <w:bCs/>
              </w:rPr>
              <w:tab/>
              <w:t>860-240-2580</w:t>
            </w:r>
            <w:r w:rsidRPr="00397DDB">
              <w:rPr>
                <w:bCs/>
              </w:rPr>
              <w:br/>
              <w:t>Email:</w:t>
            </w:r>
            <w:r w:rsidRPr="00397DDB">
              <w:rPr>
                <w:bCs/>
              </w:rPr>
              <w:tab/>
            </w:r>
            <w:r w:rsidRPr="00397DDB" w:rsidR="00D87BDD">
              <w:rPr>
                <w:bCs/>
              </w:rPr>
              <w:t>d</w:t>
            </w:r>
            <w:r w:rsidRPr="00397DDB">
              <w:rPr>
                <w:bCs/>
              </w:rPr>
              <w:t>avid.shim@morganlewis.com</w:t>
            </w:r>
          </w:p>
          <w:p w:rsidR="00D87BDD" w:rsidRPr="00397DDB" w:rsidP="00397DDB" w14:paraId="53AD4B00" w14:textId="68DEF762">
            <w:pPr>
              <w:jc w:val="left"/>
              <w:rPr>
                <w:bCs/>
              </w:rPr>
            </w:pPr>
            <w:r w:rsidRPr="00397DDB">
              <w:rPr>
                <w:bCs/>
              </w:rPr>
              <w:t xml:space="preserve">US Counsel </w:t>
            </w:r>
            <w:r w:rsidRPr="00397DDB">
              <w:t>for FTI Consulting Canada Inc., in its capacity as Monitor of Imperial Tobacco Canada Limited and Imperial Tobacco Company Limited</w:t>
            </w:r>
          </w:p>
        </w:tc>
      </w:tr>
      <w:tr w14:paraId="62981483" w14:textId="77777777" w:rsidTr="00397DDB">
        <w:tblPrEx>
          <w:tblW w:w="9625" w:type="dxa"/>
          <w:tblLook w:val="04A0"/>
        </w:tblPrEx>
        <w:tc>
          <w:tcPr>
            <w:tcW w:w="1525" w:type="dxa"/>
          </w:tcPr>
          <w:p w:rsidR="002F24D3" w:rsidRPr="00397DDB" w:rsidP="00397DDB" w14:paraId="66497014" w14:textId="3520B892">
            <w:pPr>
              <w:jc w:val="left"/>
              <w:rPr>
                <w:b/>
              </w:rPr>
            </w:pPr>
            <w:r w:rsidRPr="00397DDB">
              <w:rPr>
                <w:b/>
              </w:rPr>
              <w:t>AND TO:</w:t>
            </w:r>
          </w:p>
        </w:tc>
        <w:tc>
          <w:tcPr>
            <w:tcW w:w="8100" w:type="dxa"/>
          </w:tcPr>
          <w:p w:rsidR="002F24D3" w:rsidRPr="00397DDB" w:rsidP="00397DDB" w14:paraId="206812D3" w14:textId="05BAFDD3">
            <w:pPr>
              <w:jc w:val="left"/>
            </w:pPr>
            <w:r w:rsidRPr="00397DDB">
              <w:rPr>
                <w:b/>
              </w:rPr>
              <w:t>FTI CONSULTING CANADA INC.</w:t>
            </w:r>
            <w:r w:rsidRPr="00397DDB">
              <w:rPr>
                <w:b/>
              </w:rPr>
              <w:br/>
            </w:r>
            <w:r w:rsidRPr="00397DDB">
              <w:t>79 Wellington Street West</w:t>
            </w:r>
            <w:r w:rsidRPr="00397DDB">
              <w:br/>
              <w:t>Suite 2010, P.O. Box 104</w:t>
            </w:r>
            <w:r w:rsidRPr="00397DDB">
              <w:br/>
              <w:t>Toronto, O</w:t>
            </w:r>
            <w:r w:rsidRPr="00397DDB" w:rsidR="00E76BE8">
              <w:t xml:space="preserve">N  </w:t>
            </w:r>
            <w:r w:rsidRPr="00397DDB">
              <w:t>M4K 1G8</w:t>
            </w:r>
            <w:r w:rsidRPr="00397DDB">
              <w:br/>
              <w:t>Fax:</w:t>
            </w:r>
            <w:r w:rsidRPr="00397DDB">
              <w:tab/>
              <w:t>416-649-8101</w:t>
            </w:r>
          </w:p>
          <w:p w:rsidR="002F24D3" w:rsidRPr="00397DDB" w:rsidP="00397DDB" w14:paraId="53A6FB72" w14:textId="77777777">
            <w:pPr>
              <w:jc w:val="left"/>
            </w:pPr>
            <w:r w:rsidRPr="00397DDB">
              <w:rPr>
                <w:b/>
              </w:rPr>
              <w:t>Greg Watson</w:t>
            </w:r>
            <w:r w:rsidRPr="00397DDB">
              <w:rPr>
                <w:b/>
              </w:rPr>
              <w:br/>
            </w:r>
            <w:r w:rsidRPr="00397DDB">
              <w:t>Tel:</w:t>
            </w:r>
            <w:r w:rsidRPr="00397DDB">
              <w:tab/>
              <w:t>416-649-8077</w:t>
            </w:r>
            <w:r w:rsidRPr="00397DDB">
              <w:br/>
              <w:t>Email:</w:t>
            </w:r>
            <w:r w:rsidRPr="00397DDB">
              <w:tab/>
              <w:t>greg.watson@fticonsulting.com</w:t>
            </w:r>
          </w:p>
          <w:p w:rsidR="002F24D3" w:rsidRPr="00397DDB" w:rsidP="00397DDB" w14:paraId="4809399A" w14:textId="11FBD4A4">
            <w:pPr>
              <w:jc w:val="left"/>
            </w:pPr>
            <w:r w:rsidRPr="00397DDB">
              <w:rPr>
                <w:b/>
              </w:rPr>
              <w:t>Paul Bishop</w:t>
            </w:r>
            <w:r w:rsidRPr="00397DDB">
              <w:rPr>
                <w:b/>
              </w:rPr>
              <w:br/>
            </w:r>
            <w:r w:rsidRPr="00397DDB">
              <w:t>Tel:</w:t>
            </w:r>
            <w:r w:rsidRPr="00397DDB">
              <w:tab/>
              <w:t>416-649-8053</w:t>
            </w:r>
            <w:r w:rsidRPr="00397DDB">
              <w:br/>
              <w:t>Email:</w:t>
            </w:r>
            <w:r w:rsidRPr="00397DDB">
              <w:tab/>
              <w:t>paul.bishop@fticonsulting.com</w:t>
            </w:r>
          </w:p>
          <w:p w:rsidR="002F24D3" w:rsidRPr="00397DDB" w:rsidP="00397DDB" w14:paraId="4FC181C2" w14:textId="77777777">
            <w:pPr>
              <w:jc w:val="left"/>
            </w:pPr>
            <w:r w:rsidRPr="00397DDB">
              <w:rPr>
                <w:b/>
              </w:rPr>
              <w:t>Jeffrey Rosenberg</w:t>
            </w:r>
            <w:r w:rsidRPr="00397DDB">
              <w:rPr>
                <w:b/>
              </w:rPr>
              <w:br/>
            </w:r>
            <w:r w:rsidRPr="00397DDB">
              <w:t>Tel:</w:t>
            </w:r>
            <w:r w:rsidRPr="00397DDB">
              <w:tab/>
              <w:t>416-649-8073</w:t>
            </w:r>
            <w:r w:rsidRPr="00397DDB">
              <w:br/>
              <w:t>Email:</w:t>
            </w:r>
            <w:r w:rsidRPr="00397DDB">
              <w:tab/>
              <w:t>jeffrey.rosenberg@fticonsulting.com</w:t>
            </w:r>
          </w:p>
          <w:p w:rsidR="002F24D3" w:rsidRPr="00397DDB" w:rsidP="00397DDB" w14:paraId="24F3A615" w14:textId="439FCFF5">
            <w:pPr>
              <w:jc w:val="left"/>
            </w:pPr>
            <w:r w:rsidRPr="00397DDB">
              <w:rPr>
                <w:b/>
              </w:rPr>
              <w:t xml:space="preserve">Kamran Hamidi </w:t>
            </w:r>
            <w:r w:rsidRPr="00397DDB">
              <w:rPr>
                <w:b/>
              </w:rPr>
              <w:br/>
            </w:r>
            <w:r w:rsidRPr="00397DDB">
              <w:t>Tel:</w:t>
            </w:r>
            <w:r w:rsidRPr="00397DDB">
              <w:tab/>
              <w:t>416-649-8068</w:t>
            </w:r>
            <w:r w:rsidRPr="00397DDB">
              <w:br/>
              <w:t>Email:</w:t>
            </w:r>
            <w:r w:rsidRPr="00397DDB">
              <w:tab/>
            </w:r>
            <w:r w:rsidRPr="00397DDB" w:rsidR="0038098D">
              <w:t>k</w:t>
            </w:r>
            <w:r w:rsidRPr="00397DDB">
              <w:t>amran.hamidi@fticonsulting.com</w:t>
            </w:r>
          </w:p>
          <w:p w:rsidR="00621A5B" w:rsidRPr="00397DDB" w:rsidP="00397DDB" w14:paraId="64F9D2D4" w14:textId="7DFF9878">
            <w:pPr>
              <w:jc w:val="left"/>
            </w:pPr>
            <w:r w:rsidRPr="00397DDB">
              <w:rPr>
                <w:b/>
              </w:rPr>
              <w:t>Carter Wood</w:t>
            </w:r>
            <w:r w:rsidRPr="00397DDB">
              <w:br/>
              <w:t>Tel:</w:t>
            </w:r>
            <w:r w:rsidRPr="00397DDB">
              <w:tab/>
              <w:t>416-</w:t>
            </w:r>
            <w:r w:rsidRPr="00397DDB" w:rsidR="000547A8">
              <w:t>844-9169</w:t>
            </w:r>
            <w:r w:rsidRPr="00397DDB">
              <w:br/>
              <w:t>Email:</w:t>
            </w:r>
            <w:r w:rsidRPr="00397DDB">
              <w:tab/>
            </w:r>
            <w:r w:rsidRPr="00397DDB">
              <w:t>carter.wood</w:t>
            </w:r>
            <w:r w:rsidRPr="00397DDB">
              <w:t>@fticonsulting.com</w:t>
            </w:r>
          </w:p>
          <w:p w:rsidR="002F24D3" w:rsidRPr="00397DDB" w:rsidP="00397DDB" w14:paraId="2A5D9133" w14:textId="5C4C06AF">
            <w:pPr>
              <w:jc w:val="left"/>
              <w:rPr>
                <w:b/>
                <w:caps/>
              </w:rPr>
            </w:pPr>
            <w:r w:rsidRPr="00397DDB">
              <w:t>Monitor of Imperial Tobacco Canada Limited and</w:t>
            </w:r>
            <w:r w:rsidRPr="00397DDB">
              <w:br/>
              <w:t>Imperial Tobacco Company Limited</w:t>
            </w:r>
          </w:p>
        </w:tc>
      </w:tr>
      <w:tr w14:paraId="6DE7812B" w14:textId="77777777" w:rsidTr="00397DDB">
        <w:tblPrEx>
          <w:tblW w:w="9625" w:type="dxa"/>
          <w:tblLook w:val="04A0"/>
        </w:tblPrEx>
        <w:tc>
          <w:tcPr>
            <w:tcW w:w="1525" w:type="dxa"/>
          </w:tcPr>
          <w:p w:rsidR="006B5461" w:rsidRPr="00397DDB" w:rsidP="00397DDB" w14:paraId="31C04BB8" w14:textId="77777777">
            <w:pPr>
              <w:jc w:val="left"/>
              <w:rPr>
                <w:b/>
              </w:rPr>
            </w:pPr>
            <w:r w:rsidRPr="00397DDB">
              <w:rPr>
                <w:b/>
              </w:rPr>
              <w:t>AND TO:</w:t>
            </w:r>
          </w:p>
        </w:tc>
        <w:tc>
          <w:tcPr>
            <w:tcW w:w="8100" w:type="dxa"/>
          </w:tcPr>
          <w:p w:rsidR="006B5461" w:rsidRPr="00397DDB" w:rsidP="00397DDB" w14:paraId="39259E92" w14:textId="77777777">
            <w:pPr>
              <w:jc w:val="left"/>
            </w:pPr>
            <w:r w:rsidRPr="00397DDB">
              <w:rPr>
                <w:b/>
                <w:caps/>
              </w:rPr>
              <w:t>McCarthy Tétrault LLP</w:t>
            </w:r>
            <w:r w:rsidRPr="00397DDB">
              <w:br/>
              <w:t>66 Wellington Street West</w:t>
            </w:r>
            <w:r w:rsidRPr="00397DDB">
              <w:br/>
              <w:t>Suite 5300</w:t>
            </w:r>
            <w:r w:rsidRPr="00397DDB">
              <w:br/>
              <w:t>TD Bank Tower, Box 48</w:t>
            </w:r>
            <w:r w:rsidRPr="00397DDB">
              <w:br/>
              <w:t>Toronto, ON  M5K 1E6</w:t>
            </w:r>
            <w:r w:rsidRPr="00397DDB">
              <w:br/>
              <w:t>Fax:</w:t>
            </w:r>
            <w:r w:rsidRPr="00397DDB">
              <w:tab/>
              <w:t>416-868-0673</w:t>
            </w:r>
          </w:p>
          <w:p w:rsidR="006B5461" w:rsidRPr="00397DDB" w:rsidP="00397DDB" w14:paraId="734120E0" w14:textId="79C77983">
            <w:pPr>
              <w:jc w:val="left"/>
              <w:rPr>
                <w:rStyle w:val="Hyperlink"/>
                <w:color w:val="auto"/>
                <w:u w:val="none"/>
              </w:rPr>
            </w:pPr>
            <w:r w:rsidRPr="00397DDB">
              <w:rPr>
                <w:b/>
              </w:rPr>
              <w:t>James Gage</w:t>
            </w:r>
            <w:r w:rsidRPr="00397DDB">
              <w:rPr>
                <w:b/>
              </w:rPr>
              <w:br/>
            </w:r>
            <w:r w:rsidRPr="00397DDB">
              <w:t>Tel:</w:t>
            </w:r>
            <w:r w:rsidRPr="00397DDB">
              <w:tab/>
              <w:t>416-601-7539</w:t>
            </w:r>
            <w:r w:rsidRPr="00397DDB">
              <w:br/>
              <w:t>Email:</w:t>
            </w:r>
            <w:r w:rsidRPr="00397DDB">
              <w:tab/>
              <w:t>jgage@mccarthy.ca</w:t>
            </w:r>
          </w:p>
          <w:p w:rsidR="006B5461" w:rsidRPr="00397DDB" w:rsidP="00397DDB" w14:paraId="2497296A" w14:textId="3EF9E5A5">
            <w:pPr>
              <w:jc w:val="left"/>
            </w:pPr>
            <w:r w:rsidRPr="00397DDB">
              <w:rPr>
                <w:b/>
              </w:rPr>
              <w:t>Heather Meredith</w:t>
            </w:r>
            <w:r w:rsidRPr="00397DDB">
              <w:rPr>
                <w:b/>
              </w:rPr>
              <w:br/>
            </w:r>
            <w:r w:rsidRPr="00397DDB">
              <w:t>Tel:</w:t>
            </w:r>
            <w:r w:rsidRPr="00397DDB">
              <w:tab/>
              <w:t>416-601-8342</w:t>
            </w:r>
            <w:r w:rsidRPr="00397DDB">
              <w:br/>
              <w:t>Email:</w:t>
            </w:r>
            <w:r w:rsidRPr="00397DDB">
              <w:tab/>
            </w:r>
            <w:r w:rsidRPr="00397DDB">
              <w:rPr>
                <w:rStyle w:val="Hyperlink"/>
                <w:color w:val="auto"/>
                <w:u w:val="none"/>
              </w:rPr>
              <w:t>hmeredith@mccarthy.ca</w:t>
            </w:r>
          </w:p>
          <w:p w:rsidR="006B5461" w:rsidRPr="00397DDB" w:rsidP="00397DDB" w14:paraId="561C7AAF" w14:textId="2462F75C">
            <w:pPr>
              <w:jc w:val="left"/>
            </w:pPr>
            <w:r w:rsidRPr="00397DDB">
              <w:rPr>
                <w:b/>
              </w:rPr>
              <w:t>Paul Steep</w:t>
            </w:r>
            <w:r w:rsidRPr="00397DDB">
              <w:rPr>
                <w:b/>
              </w:rPr>
              <w:br/>
            </w:r>
            <w:r w:rsidRPr="00397DDB">
              <w:t>Tel:</w:t>
            </w:r>
            <w:r w:rsidRPr="00397DDB">
              <w:tab/>
              <w:t>416-601-7998</w:t>
            </w:r>
            <w:r w:rsidRPr="00397DDB">
              <w:br/>
              <w:t>Email:</w:t>
            </w:r>
            <w:r w:rsidRPr="00397DDB">
              <w:tab/>
              <w:t>psteep@mccarthy.ca</w:t>
            </w:r>
          </w:p>
          <w:p w:rsidR="00053C0B" w:rsidRPr="00397DDB" w:rsidP="00397DDB" w14:paraId="03B83966" w14:textId="654B94AA">
            <w:pPr>
              <w:jc w:val="left"/>
              <w:rPr>
                <w:rStyle w:val="Hyperlink"/>
                <w:color w:val="auto"/>
                <w:u w:val="none"/>
              </w:rPr>
            </w:pPr>
            <w:r w:rsidRPr="00397DDB">
              <w:rPr>
                <w:rStyle w:val="Hyperlink"/>
                <w:b/>
                <w:color w:val="auto"/>
                <w:u w:val="none"/>
              </w:rPr>
              <w:t>Trevor Courtis</w:t>
            </w:r>
            <w:r w:rsidRPr="00397DDB">
              <w:rPr>
                <w:rStyle w:val="Hyperlink"/>
                <w:color w:val="auto"/>
                <w:u w:val="none"/>
              </w:rPr>
              <w:br/>
              <w:t>Tel:</w:t>
            </w:r>
            <w:r w:rsidRPr="00397DDB">
              <w:rPr>
                <w:rStyle w:val="Hyperlink"/>
                <w:color w:val="auto"/>
                <w:u w:val="none"/>
              </w:rPr>
              <w:tab/>
              <w:t>416-601-7643</w:t>
            </w:r>
            <w:r w:rsidRPr="00397DDB">
              <w:rPr>
                <w:rStyle w:val="Hyperlink"/>
                <w:color w:val="auto"/>
                <w:u w:val="none"/>
              </w:rPr>
              <w:br/>
              <w:t>Email:</w:t>
            </w:r>
            <w:r w:rsidRPr="00397DDB">
              <w:rPr>
                <w:rStyle w:val="Hyperlink"/>
                <w:color w:val="auto"/>
                <w:u w:val="none"/>
              </w:rPr>
              <w:tab/>
              <w:t>tcourtis@mccarthy.ca</w:t>
            </w:r>
          </w:p>
          <w:p w:rsidR="00D72933" w:rsidRPr="00397DDB" w:rsidP="00397DDB" w14:paraId="633AD87A" w14:textId="77777777">
            <w:pPr>
              <w:jc w:val="left"/>
              <w:rPr>
                <w:rStyle w:val="Hyperlink"/>
                <w:color w:val="auto"/>
                <w:u w:val="none"/>
              </w:rPr>
            </w:pPr>
            <w:r w:rsidRPr="00397DDB">
              <w:rPr>
                <w:rStyle w:val="Hyperlink"/>
                <w:b/>
                <w:color w:val="auto"/>
                <w:u w:val="none"/>
              </w:rPr>
              <w:t>Deborah Templer</w:t>
            </w:r>
            <w:r w:rsidRPr="00397DDB">
              <w:rPr>
                <w:rStyle w:val="Hyperlink"/>
                <w:color w:val="auto"/>
                <w:u w:val="none"/>
              </w:rPr>
              <w:br/>
              <w:t>Tel:</w:t>
            </w:r>
            <w:r w:rsidRPr="00397DDB">
              <w:rPr>
                <w:rStyle w:val="Hyperlink"/>
                <w:color w:val="auto"/>
                <w:u w:val="none"/>
              </w:rPr>
              <w:tab/>
              <w:t>416-601-8421</w:t>
            </w:r>
            <w:r w:rsidRPr="00397DDB">
              <w:rPr>
                <w:rStyle w:val="Hyperlink"/>
                <w:color w:val="auto"/>
                <w:u w:val="none"/>
              </w:rPr>
              <w:br/>
              <w:t>Email:</w:t>
            </w:r>
            <w:r w:rsidRPr="00397DDB">
              <w:rPr>
                <w:rStyle w:val="Hyperlink"/>
                <w:color w:val="auto"/>
                <w:u w:val="none"/>
              </w:rPr>
              <w:tab/>
              <w:t>dtempler@mccarthy.ca</w:t>
            </w:r>
          </w:p>
          <w:p w:rsidR="006B5461" w:rsidRPr="00397DDB" w:rsidP="00397DDB" w14:paraId="1D9B67BD" w14:textId="77777777">
            <w:pPr>
              <w:jc w:val="left"/>
            </w:pPr>
            <w:r w:rsidRPr="00397DDB">
              <w:t>Lawyers for Rothmans, Benson &amp; Hedges, Inc.</w:t>
            </w:r>
          </w:p>
        </w:tc>
      </w:tr>
      <w:tr w14:paraId="63473960" w14:textId="77777777" w:rsidTr="00397DDB">
        <w:tblPrEx>
          <w:tblW w:w="9625" w:type="dxa"/>
          <w:tblLook w:val="04A0"/>
        </w:tblPrEx>
        <w:tc>
          <w:tcPr>
            <w:tcW w:w="1525" w:type="dxa"/>
          </w:tcPr>
          <w:p w:rsidR="00911D36" w:rsidRPr="00397DDB" w:rsidP="00397DDB" w14:paraId="06B8DD6C" w14:textId="5501C963">
            <w:pPr>
              <w:jc w:val="left"/>
              <w:rPr>
                <w:b/>
              </w:rPr>
            </w:pPr>
            <w:r w:rsidRPr="00397DDB">
              <w:rPr>
                <w:b/>
              </w:rPr>
              <w:t>AND TO:</w:t>
            </w:r>
          </w:p>
        </w:tc>
        <w:tc>
          <w:tcPr>
            <w:tcW w:w="8100" w:type="dxa"/>
          </w:tcPr>
          <w:p w:rsidR="00911D36" w:rsidRPr="00397DDB" w:rsidP="00397DDB" w14:paraId="3E70F71C" w14:textId="77777777">
            <w:pPr>
              <w:jc w:val="left"/>
            </w:pPr>
            <w:r w:rsidRPr="00397DDB">
              <w:rPr>
                <w:b/>
                <w:bCs/>
              </w:rPr>
              <w:t>LAPOINTE ROSENSTEIN MARCHAND MELANҪON LLP</w:t>
            </w:r>
            <w:r w:rsidRPr="00397DDB">
              <w:rPr>
                <w:b/>
              </w:rPr>
              <w:br/>
            </w:r>
            <w:r w:rsidRPr="00397DDB">
              <w:t>1 Place Ville Marie, Suite 1300</w:t>
            </w:r>
            <w:r w:rsidRPr="00397DDB">
              <w:br/>
              <w:t>Montreal, QC  H3B 0E6</w:t>
            </w:r>
          </w:p>
          <w:p w:rsidR="00911D36" w:rsidRPr="00397DDB" w:rsidP="00397DDB" w14:paraId="0EC4C1D8" w14:textId="77777777">
            <w:pPr>
              <w:jc w:val="left"/>
            </w:pPr>
            <w:r w:rsidRPr="00397DDB">
              <w:rPr>
                <w:b/>
              </w:rPr>
              <w:t>Mireille Fontaine</w:t>
            </w:r>
            <w:r w:rsidRPr="00397DDB">
              <w:br/>
              <w:t>Tel:</w:t>
            </w:r>
            <w:r w:rsidRPr="00397DDB">
              <w:tab/>
              <w:t>514-925-6342</w:t>
            </w:r>
            <w:r w:rsidRPr="00397DDB">
              <w:br/>
              <w:t>Email:</w:t>
            </w:r>
            <w:r w:rsidRPr="00397DDB">
              <w:tab/>
              <w:t>mireille.fontaine@lrmm.com</w:t>
            </w:r>
          </w:p>
          <w:p w:rsidR="00911D36" w:rsidRPr="00397DDB" w:rsidP="00397DDB" w14:paraId="7D132A35" w14:textId="2D4D38B0">
            <w:pPr>
              <w:jc w:val="left"/>
              <w:rPr>
                <w:b/>
                <w:caps/>
              </w:rPr>
            </w:pPr>
            <w:r w:rsidRPr="00397DDB">
              <w:t>Lawyers for the Top Tube Company</w:t>
            </w:r>
          </w:p>
        </w:tc>
      </w:tr>
      <w:tr w14:paraId="61FB5475" w14:textId="77777777" w:rsidTr="00397DDB">
        <w:tblPrEx>
          <w:tblW w:w="9625" w:type="dxa"/>
          <w:tblLook w:val="04A0"/>
        </w:tblPrEx>
        <w:tc>
          <w:tcPr>
            <w:tcW w:w="1525" w:type="dxa"/>
          </w:tcPr>
          <w:p w:rsidR="006B5461" w:rsidRPr="00397DDB" w:rsidP="00397DDB" w14:paraId="655341B6" w14:textId="77777777">
            <w:pPr>
              <w:jc w:val="left"/>
              <w:rPr>
                <w:b/>
              </w:rPr>
            </w:pPr>
            <w:r w:rsidRPr="00397DDB">
              <w:rPr>
                <w:b/>
              </w:rPr>
              <w:t>AND TO:</w:t>
            </w:r>
          </w:p>
        </w:tc>
        <w:tc>
          <w:tcPr>
            <w:tcW w:w="8100" w:type="dxa"/>
          </w:tcPr>
          <w:p w:rsidR="00F50DFA" w:rsidRPr="00397DDB" w:rsidP="00397DDB" w14:paraId="6E58EAA5" w14:textId="77777777">
            <w:pPr>
              <w:jc w:val="left"/>
            </w:pPr>
            <w:r w:rsidRPr="00397DDB">
              <w:rPr>
                <w:b/>
                <w:caps/>
              </w:rPr>
              <w:t>Torys LLP</w:t>
            </w:r>
            <w:r w:rsidRPr="00397DDB">
              <w:rPr>
                <w:b/>
                <w:caps/>
              </w:rPr>
              <w:br/>
            </w:r>
            <w:r w:rsidRPr="00397DDB">
              <w:t>79 Wellington St. West, Suite 3000</w:t>
            </w:r>
            <w:r w:rsidRPr="00397DDB">
              <w:br/>
              <w:t>Box 270, TD Centre</w:t>
            </w:r>
            <w:r w:rsidRPr="00397DDB">
              <w:br/>
              <w:t>Toronto, ON  M5K 1N2</w:t>
            </w:r>
            <w:r w:rsidRPr="00397DDB">
              <w:br/>
              <w:t>Fax:</w:t>
            </w:r>
            <w:r w:rsidRPr="00397DDB">
              <w:tab/>
              <w:t>416-865-7380</w:t>
            </w:r>
          </w:p>
          <w:p w:rsidR="006B5461" w:rsidRPr="00397DDB" w:rsidP="00397DDB" w14:paraId="460CBCF5" w14:textId="7449993C">
            <w:pPr>
              <w:jc w:val="left"/>
            </w:pPr>
            <w:r w:rsidRPr="00397DDB">
              <w:rPr>
                <w:b/>
              </w:rPr>
              <w:t>Scott Bomhof</w:t>
            </w:r>
            <w:r w:rsidRPr="00397DDB">
              <w:br/>
              <w:t>Tel:</w:t>
            </w:r>
            <w:r w:rsidRPr="00397DDB">
              <w:tab/>
              <w:t>416-865-7370</w:t>
            </w:r>
            <w:r w:rsidRPr="00397DDB">
              <w:br/>
              <w:t>Email:</w:t>
            </w:r>
            <w:r w:rsidRPr="00397DDB">
              <w:tab/>
              <w:t xml:space="preserve">sbomhof@torys.com </w:t>
            </w:r>
          </w:p>
          <w:p w:rsidR="006B5461" w:rsidRPr="00397DDB" w:rsidP="00397DDB" w14:paraId="71B9D4AC" w14:textId="77777777">
            <w:pPr>
              <w:jc w:val="left"/>
            </w:pPr>
            <w:r w:rsidRPr="00397DDB">
              <w:rPr>
                <w:b/>
              </w:rPr>
              <w:t>Adam Slavens</w:t>
            </w:r>
            <w:r w:rsidRPr="00397DDB">
              <w:br/>
              <w:t xml:space="preserve">Tel: </w:t>
            </w:r>
            <w:r w:rsidRPr="00397DDB">
              <w:tab/>
              <w:t>416-865-7333</w:t>
            </w:r>
            <w:r w:rsidRPr="00397DDB">
              <w:br/>
              <w:t>Email:</w:t>
            </w:r>
            <w:r w:rsidRPr="00397DDB">
              <w:tab/>
              <w:t>aslavens@torys.com</w:t>
            </w:r>
          </w:p>
          <w:p w:rsidR="00835DB7" w:rsidRPr="00397DDB" w:rsidP="00397DDB" w14:paraId="24634F6A" w14:textId="26E41EB8">
            <w:pPr>
              <w:jc w:val="left"/>
            </w:pPr>
            <w:r w:rsidRPr="00397DDB">
              <w:rPr>
                <w:b/>
                <w:bCs/>
              </w:rPr>
              <w:t>Ale</w:t>
            </w:r>
            <w:r w:rsidRPr="00397DDB" w:rsidR="003E4806">
              <w:rPr>
                <w:b/>
                <w:bCs/>
              </w:rPr>
              <w:t>c</w:t>
            </w:r>
            <w:r w:rsidRPr="00397DDB">
              <w:rPr>
                <w:b/>
                <w:bCs/>
              </w:rPr>
              <w:t xml:space="preserve"> Angle</w:t>
            </w:r>
            <w:r w:rsidRPr="00397DDB">
              <w:br/>
              <w:t>Tel:</w:t>
            </w:r>
            <w:r w:rsidRPr="00397DDB">
              <w:tab/>
              <w:t>416-865-7534</w:t>
            </w:r>
            <w:r w:rsidRPr="00397DDB">
              <w:br/>
              <w:t>Email:</w:t>
            </w:r>
            <w:r w:rsidRPr="00397DDB">
              <w:tab/>
              <w:t>aangle@torys.com</w:t>
            </w:r>
          </w:p>
          <w:p w:rsidR="006B5461" w:rsidRPr="00397DDB" w:rsidP="00397DDB" w14:paraId="0120CA3E" w14:textId="41C61CD0">
            <w:pPr>
              <w:jc w:val="left"/>
            </w:pPr>
            <w:r w:rsidRPr="00397DDB">
              <w:t>Lawyers for JT Canada LLC Inc.</w:t>
            </w:r>
            <w:r w:rsidRPr="00397DDB" w:rsidR="00DE66B8">
              <w:t xml:space="preserve"> and PricewaterhouseCoopers Inc.,</w:t>
            </w:r>
            <w:r w:rsidRPr="00397DDB" w:rsidR="000A104B">
              <w:br/>
            </w:r>
            <w:r w:rsidRPr="00397DDB" w:rsidR="00DE66B8">
              <w:t>in its capacity as receiver of JTI-Macdonald TM Corp.</w:t>
            </w:r>
          </w:p>
        </w:tc>
      </w:tr>
      <w:tr w14:paraId="2D38C39C" w14:textId="77777777" w:rsidTr="00397DDB">
        <w:tblPrEx>
          <w:tblW w:w="9625" w:type="dxa"/>
          <w:tblLook w:val="04A0"/>
        </w:tblPrEx>
        <w:tc>
          <w:tcPr>
            <w:tcW w:w="1525" w:type="dxa"/>
          </w:tcPr>
          <w:p w:rsidR="0026147C" w:rsidRPr="00397DDB" w:rsidP="00397DDB" w14:paraId="014F696E" w14:textId="77777777">
            <w:pPr>
              <w:jc w:val="left"/>
              <w:rPr>
                <w:b/>
              </w:rPr>
            </w:pPr>
            <w:r w:rsidRPr="00397DDB">
              <w:br w:type="page"/>
            </w:r>
            <w:r w:rsidRPr="00397DDB">
              <w:rPr>
                <w:b/>
              </w:rPr>
              <w:t>AND TO:</w:t>
            </w:r>
          </w:p>
        </w:tc>
        <w:tc>
          <w:tcPr>
            <w:tcW w:w="8100" w:type="dxa"/>
          </w:tcPr>
          <w:p w:rsidR="0026147C" w:rsidRPr="00397DDB" w:rsidP="00397DDB" w14:paraId="5E8C497F" w14:textId="77777777">
            <w:pPr>
              <w:jc w:val="left"/>
            </w:pPr>
            <w:r w:rsidRPr="00397DDB">
              <w:rPr>
                <w:b/>
                <w:caps/>
              </w:rPr>
              <w:t>PricewaterhouseCoopers</w:t>
            </w:r>
            <w:r w:rsidRPr="00397DDB">
              <w:rPr>
                <w:b/>
                <w:caps/>
              </w:rPr>
              <w:br/>
            </w:r>
            <w:r w:rsidRPr="00397DDB">
              <w:t>PwC Tower</w:t>
            </w:r>
            <w:r w:rsidRPr="00397DDB">
              <w:br/>
              <w:t>18 York St., Suite 2600</w:t>
            </w:r>
            <w:r w:rsidRPr="00397DDB">
              <w:br/>
              <w:t>Toronto, ON  M5J 0B2</w:t>
            </w:r>
            <w:r w:rsidRPr="00397DDB">
              <w:br/>
              <w:t>Fax:</w:t>
            </w:r>
            <w:r w:rsidRPr="00397DDB">
              <w:tab/>
              <w:t>416-814-3210</w:t>
            </w:r>
          </w:p>
          <w:p w:rsidR="0026147C" w:rsidRPr="00397DDB" w:rsidP="00397DDB" w14:paraId="46EC713E" w14:textId="77777777">
            <w:pPr>
              <w:jc w:val="left"/>
            </w:pPr>
            <w:r w:rsidRPr="00397DDB">
              <w:rPr>
                <w:b/>
              </w:rPr>
              <w:t>Mica Arlette</w:t>
            </w:r>
            <w:r w:rsidRPr="00397DDB">
              <w:rPr>
                <w:b/>
              </w:rPr>
              <w:br/>
            </w:r>
            <w:r w:rsidRPr="00397DDB">
              <w:t>Tel:</w:t>
            </w:r>
            <w:r w:rsidRPr="00397DDB">
              <w:tab/>
              <w:t>416-814-5834</w:t>
            </w:r>
            <w:r w:rsidRPr="00397DDB">
              <w:br/>
              <w:t>Email:</w:t>
            </w:r>
            <w:r w:rsidRPr="00397DDB">
              <w:tab/>
              <w:t>mica.arlette@pwc.com</w:t>
            </w:r>
          </w:p>
          <w:p w:rsidR="0026147C" w:rsidRPr="00397DDB" w:rsidP="00397DDB" w14:paraId="77C1303C" w14:textId="77777777">
            <w:pPr>
              <w:jc w:val="left"/>
            </w:pPr>
            <w:r w:rsidRPr="00397DDB">
              <w:rPr>
                <w:b/>
                <w:bCs/>
              </w:rPr>
              <w:t>Tyler Ray</w:t>
            </w:r>
            <w:r w:rsidRPr="00397DDB">
              <w:br/>
              <w:t>Email:</w:t>
            </w:r>
            <w:r w:rsidRPr="00397DDB">
              <w:tab/>
              <w:t>tyler.ray@pwc.com</w:t>
            </w:r>
          </w:p>
          <w:p w:rsidR="0026147C" w:rsidRPr="00397DDB" w:rsidP="00397DDB" w14:paraId="49647066" w14:textId="77777777">
            <w:pPr>
              <w:jc w:val="left"/>
            </w:pPr>
            <w:r w:rsidRPr="00397DDB">
              <w:t xml:space="preserve">Receiver and Manager of JTI-Macdonald TM Corp. </w:t>
            </w:r>
          </w:p>
        </w:tc>
      </w:tr>
      <w:tr w14:paraId="6FCFDC9F" w14:textId="77777777" w:rsidTr="00397DDB">
        <w:tblPrEx>
          <w:tblW w:w="9625" w:type="dxa"/>
          <w:tblLook w:val="04A0"/>
        </w:tblPrEx>
        <w:tc>
          <w:tcPr>
            <w:tcW w:w="1525" w:type="dxa"/>
          </w:tcPr>
          <w:p w:rsidR="006B5461" w:rsidRPr="00397DDB" w:rsidP="00397DDB" w14:paraId="0575845A" w14:textId="77777777">
            <w:pPr>
              <w:jc w:val="left"/>
              <w:rPr>
                <w:b/>
                <w:caps/>
              </w:rPr>
            </w:pPr>
            <w:r w:rsidRPr="00397DDB">
              <w:rPr>
                <w:b/>
                <w:caps/>
              </w:rPr>
              <w:t>and tO:</w:t>
            </w:r>
          </w:p>
        </w:tc>
        <w:tc>
          <w:tcPr>
            <w:tcW w:w="8100" w:type="dxa"/>
          </w:tcPr>
          <w:p w:rsidR="00F50DFA" w:rsidRPr="00397DDB" w:rsidP="00397DDB" w14:paraId="4CCF7E6B" w14:textId="77777777">
            <w:pPr>
              <w:jc w:val="left"/>
            </w:pPr>
            <w:r w:rsidRPr="00397DDB">
              <w:rPr>
                <w:b/>
                <w:caps/>
              </w:rPr>
              <w:t xml:space="preserve">Bennett Jones </w:t>
            </w:r>
            <w:r w:rsidRPr="00397DDB">
              <w:rPr>
                <w:caps/>
              </w:rPr>
              <w:br/>
              <w:t xml:space="preserve">100 </w:t>
            </w:r>
            <w:r w:rsidRPr="00397DDB">
              <w:t>King Street West</w:t>
            </w:r>
            <w:r w:rsidRPr="00397DDB">
              <w:br/>
              <w:t>Suite 3400</w:t>
            </w:r>
            <w:r w:rsidRPr="00397DDB">
              <w:br/>
              <w:t>Toronto, ON  M5X 1A4</w:t>
            </w:r>
            <w:r w:rsidRPr="00397DDB">
              <w:br/>
              <w:t>Fax:</w:t>
            </w:r>
            <w:r w:rsidRPr="00397DDB">
              <w:tab/>
              <w:t>416-863-1716</w:t>
            </w:r>
          </w:p>
          <w:p w:rsidR="006B5461" w:rsidRPr="00397DDB" w:rsidP="00397DDB" w14:paraId="60890578" w14:textId="70DEE72C">
            <w:pPr>
              <w:jc w:val="left"/>
            </w:pPr>
            <w:r w:rsidRPr="00397DDB">
              <w:rPr>
                <w:b/>
              </w:rPr>
              <w:t>Mike Eizenga</w:t>
            </w:r>
            <w:r w:rsidRPr="00397DDB">
              <w:br/>
              <w:t>Tel:</w:t>
            </w:r>
            <w:r w:rsidRPr="00397DDB">
              <w:tab/>
              <w:t>416-777-4879</w:t>
            </w:r>
            <w:r w:rsidRPr="00397DDB">
              <w:br/>
              <w:t>Email:</w:t>
            </w:r>
            <w:r w:rsidRPr="00397DDB">
              <w:tab/>
            </w:r>
            <w:r w:rsidRPr="00397DDB">
              <w:rPr>
                <w:rStyle w:val="Hyperlink"/>
                <w:color w:val="auto"/>
                <w:u w:val="none"/>
              </w:rPr>
              <w:t>eizengam@bennettjones.com</w:t>
            </w:r>
          </w:p>
          <w:p w:rsidR="006B5461" w:rsidRPr="00397DDB" w:rsidP="00397DDB" w14:paraId="03A3C8FB" w14:textId="07D92ED9">
            <w:pPr>
              <w:jc w:val="left"/>
            </w:pPr>
            <w:r w:rsidRPr="00397DDB">
              <w:rPr>
                <w:b/>
              </w:rPr>
              <w:t>Sean Zweig</w:t>
            </w:r>
            <w:r w:rsidRPr="00397DDB">
              <w:br/>
              <w:t>Tel:</w:t>
            </w:r>
            <w:r w:rsidRPr="00397DDB" w:rsidR="006B6037">
              <w:tab/>
            </w:r>
            <w:r w:rsidRPr="00397DDB">
              <w:t>416-777-6254</w:t>
            </w:r>
            <w:r w:rsidRPr="00397DDB">
              <w:br/>
              <w:t>Email:</w:t>
            </w:r>
            <w:r w:rsidRPr="00397DDB">
              <w:tab/>
            </w:r>
            <w:r w:rsidRPr="00397DDB">
              <w:rPr>
                <w:rStyle w:val="Hyperlink"/>
                <w:color w:val="auto"/>
                <w:u w:val="none"/>
              </w:rPr>
              <w:t>zweigs@bennettjones.com</w:t>
            </w:r>
            <w:r w:rsidRPr="00397DDB">
              <w:t xml:space="preserve"> </w:t>
            </w:r>
          </w:p>
          <w:p w:rsidR="007634E1" w:rsidRPr="00397DDB" w:rsidP="00397DDB" w14:paraId="4B3B794F" w14:textId="3812E024">
            <w:pPr>
              <w:jc w:val="left"/>
            </w:pPr>
            <w:r w:rsidRPr="00397DDB">
              <w:rPr>
                <w:b/>
                <w:bCs/>
              </w:rPr>
              <w:t>Jesse Mighton</w:t>
            </w:r>
            <w:r w:rsidRPr="00397DDB">
              <w:br/>
              <w:t>Tel:</w:t>
            </w:r>
            <w:r w:rsidRPr="00397DDB">
              <w:tab/>
              <w:t>416-777-6255</w:t>
            </w:r>
            <w:r w:rsidRPr="00397DDB">
              <w:br/>
              <w:t>Email:</w:t>
            </w:r>
            <w:r w:rsidRPr="00397DDB">
              <w:tab/>
              <w:t>mightonj@bennettjones.com</w:t>
            </w:r>
          </w:p>
          <w:p w:rsidR="007634E1" w:rsidRPr="00397DDB" w:rsidP="00397DDB" w14:paraId="6E486087" w14:textId="3BB394D3">
            <w:pPr>
              <w:jc w:val="left"/>
            </w:pPr>
            <w:r w:rsidRPr="00397DDB">
              <w:rPr>
                <w:b/>
                <w:bCs/>
              </w:rPr>
              <w:t>Preet Gill</w:t>
            </w:r>
            <w:r w:rsidRPr="00397DDB">
              <w:rPr>
                <w:b/>
                <w:bCs/>
              </w:rPr>
              <w:br/>
            </w:r>
            <w:r w:rsidRPr="00397DDB">
              <w:t>Tel:</w:t>
            </w:r>
            <w:r w:rsidRPr="00397DDB">
              <w:tab/>
              <w:t>416-777-6513</w:t>
            </w:r>
            <w:r w:rsidRPr="00397DDB">
              <w:br/>
              <w:t>gillp@bennettjones.com</w:t>
            </w:r>
          </w:p>
          <w:p w:rsidR="00BA2275" w:rsidRPr="00397DDB" w:rsidP="00397DDB" w14:paraId="6B4F2ECA" w14:textId="3736022C">
            <w:pPr>
              <w:jc w:val="left"/>
            </w:pPr>
            <w:r w:rsidRPr="00397DDB">
              <w:rPr>
                <w:b/>
                <w:bCs/>
              </w:rPr>
              <w:t>SISKINDS</w:t>
            </w:r>
            <w:r w:rsidRPr="00397DDB">
              <w:br/>
              <w:t>275 Dundas Street, Unit 1</w:t>
            </w:r>
            <w:r w:rsidRPr="00397DDB">
              <w:br/>
              <w:t>London, ON  N6B 3L1</w:t>
            </w:r>
          </w:p>
          <w:p w:rsidR="00BA2275" w:rsidRPr="00397DDB" w:rsidP="00397DDB" w14:paraId="5D50AB70" w14:textId="1929A0CC">
            <w:pPr>
              <w:jc w:val="left"/>
            </w:pPr>
            <w:r w:rsidRPr="00397DDB">
              <w:rPr>
                <w:b/>
                <w:bCs/>
              </w:rPr>
              <w:t>Andre I.G. Michael</w:t>
            </w:r>
            <w:r w:rsidRPr="00397DDB">
              <w:br/>
            </w:r>
            <w:r w:rsidRPr="00397DDB" w:rsidR="00A13E81">
              <w:t>Tel:</w:t>
            </w:r>
            <w:r w:rsidRPr="00397DDB">
              <w:tab/>
              <w:t>519-660-7860</w:t>
            </w:r>
            <w:r w:rsidRPr="00397DDB">
              <w:br/>
              <w:t>Email:</w:t>
            </w:r>
            <w:r w:rsidRPr="00397DDB">
              <w:tab/>
              <w:t>andre.michael@siskinds.com</w:t>
            </w:r>
          </w:p>
          <w:p w:rsidR="00A13E81" w:rsidRPr="00397DDB" w:rsidP="00397DDB" w14:paraId="525BBADE" w14:textId="7F18D74A">
            <w:pPr>
              <w:jc w:val="left"/>
            </w:pPr>
            <w:r w:rsidRPr="00397DDB">
              <w:rPr>
                <w:b/>
                <w:bCs/>
              </w:rPr>
              <w:t>James Virtue</w:t>
            </w:r>
            <w:r w:rsidRPr="00397DDB">
              <w:br/>
              <w:t>Tel:</w:t>
            </w:r>
            <w:r w:rsidRPr="00397DDB">
              <w:tab/>
              <w:t>519-660-7898</w:t>
            </w:r>
            <w:r w:rsidRPr="00397DDB">
              <w:br/>
              <w:t>Email:</w:t>
            </w:r>
            <w:r w:rsidRPr="00397DDB">
              <w:tab/>
              <w:t>jim.virtue@siskinds.com</w:t>
            </w:r>
          </w:p>
          <w:p w:rsidR="00D65B42" w:rsidRPr="00397DDB" w:rsidP="00397DDB" w14:paraId="3DA7D147" w14:textId="1ABFC99A">
            <w:pPr>
              <w:jc w:val="left"/>
            </w:pPr>
            <w:r w:rsidRPr="00397DDB">
              <w:rPr>
                <w:b/>
                <w:caps/>
              </w:rPr>
              <w:t>J</w:t>
            </w:r>
            <w:r w:rsidRPr="00397DDB">
              <w:rPr>
                <w:b/>
              </w:rPr>
              <w:t>effrey</w:t>
            </w:r>
            <w:r w:rsidRPr="00397DDB">
              <w:t xml:space="preserve"> </w:t>
            </w:r>
            <w:r w:rsidRPr="00397DDB">
              <w:rPr>
                <w:b/>
              </w:rPr>
              <w:t>Leon</w:t>
            </w:r>
            <w:r w:rsidRPr="00397DDB">
              <w:rPr>
                <w:b/>
              </w:rPr>
              <w:br/>
            </w:r>
            <w:r w:rsidRPr="00397DDB">
              <w:t>Email:</w:t>
            </w:r>
            <w:r w:rsidRPr="00397DDB">
              <w:tab/>
              <w:t>jsleon1591@gmail.com</w:t>
            </w:r>
          </w:p>
          <w:p w:rsidR="00D65B42" w:rsidRPr="00397DDB" w:rsidP="00397DDB" w14:paraId="60438ADE" w14:textId="61DFC9AC">
            <w:pPr>
              <w:jc w:val="left"/>
            </w:pPr>
            <w:r w:rsidRPr="00397DDB">
              <w:rPr>
                <w:b/>
                <w:bCs/>
              </w:rPr>
              <w:t>Michael Peerless</w:t>
            </w:r>
            <w:r w:rsidRPr="00397DDB">
              <w:br/>
              <w:t>Email:</w:t>
            </w:r>
            <w:r w:rsidRPr="00397DDB">
              <w:tab/>
              <w:t>mike.peerless@peerlesslaw.com</w:t>
            </w:r>
          </w:p>
          <w:p w:rsidR="006B5461" w:rsidRPr="00397DDB" w:rsidP="00397DDB" w14:paraId="3D61E661" w14:textId="77F6C812">
            <w:pPr>
              <w:jc w:val="left"/>
            </w:pPr>
            <w:r w:rsidRPr="00397DDB">
              <w:t xml:space="preserve">Lawyers for the Province of British Columbia, </w:t>
            </w:r>
            <w:r w:rsidRPr="00397DDB" w:rsidR="00A13E81">
              <w:t xml:space="preserve">Province of </w:t>
            </w:r>
            <w:r w:rsidRPr="00397DDB">
              <w:t xml:space="preserve">Manitoba, </w:t>
            </w:r>
            <w:r w:rsidRPr="00397DDB" w:rsidR="00A13E81">
              <w:t xml:space="preserve">Province of </w:t>
            </w:r>
            <w:r w:rsidRPr="00397DDB">
              <w:t xml:space="preserve">New Brunswick, </w:t>
            </w:r>
            <w:r w:rsidRPr="00397DDB" w:rsidR="00A13E81">
              <w:t xml:space="preserve">Province of </w:t>
            </w:r>
            <w:r w:rsidRPr="00397DDB">
              <w:t xml:space="preserve">Nova Scotia, </w:t>
            </w:r>
            <w:r w:rsidRPr="00397DDB" w:rsidR="00A13E81">
              <w:t xml:space="preserve">Province of </w:t>
            </w:r>
            <w:r w:rsidRPr="00397DDB">
              <w:t>Prince Edward Island</w:t>
            </w:r>
            <w:r w:rsidRPr="00397DDB" w:rsidR="00A13E81">
              <w:t>,</w:t>
            </w:r>
            <w:r w:rsidRPr="00397DDB">
              <w:t xml:space="preserve"> </w:t>
            </w:r>
            <w:r w:rsidRPr="00397DDB" w:rsidR="00A13E81">
              <w:t xml:space="preserve">Province of </w:t>
            </w:r>
            <w:r w:rsidRPr="00397DDB">
              <w:t xml:space="preserve">Saskatchewan, </w:t>
            </w:r>
            <w:r w:rsidRPr="00397DDB" w:rsidR="00A13E81">
              <w:t xml:space="preserve">Government of Northwest Territories, Government of Nunavut, and Government of Yukon </w:t>
            </w:r>
            <w:r w:rsidRPr="00397DDB">
              <w:t>in their capacities as plaintiffs in the HCCR Legislation claims</w:t>
            </w:r>
          </w:p>
        </w:tc>
      </w:tr>
      <w:tr w14:paraId="15C407D6" w14:textId="77777777" w:rsidTr="00397DDB">
        <w:tblPrEx>
          <w:tblW w:w="9625" w:type="dxa"/>
          <w:tblLook w:val="04A0"/>
        </w:tblPrEx>
        <w:tc>
          <w:tcPr>
            <w:tcW w:w="1525" w:type="dxa"/>
          </w:tcPr>
          <w:p w:rsidR="0096396D" w:rsidRPr="00397DDB" w:rsidP="00397DDB" w14:paraId="197AADA1" w14:textId="2E6460CE">
            <w:pPr>
              <w:jc w:val="left"/>
              <w:rPr>
                <w:b/>
                <w:caps/>
              </w:rPr>
            </w:pPr>
            <w:r w:rsidRPr="00397DDB">
              <w:rPr>
                <w:b/>
                <w:caps/>
              </w:rPr>
              <w:t>AND TO:</w:t>
            </w:r>
          </w:p>
        </w:tc>
        <w:tc>
          <w:tcPr>
            <w:tcW w:w="8100" w:type="dxa"/>
          </w:tcPr>
          <w:p w:rsidR="0096396D" w:rsidRPr="00397DDB" w:rsidP="00397DDB" w14:paraId="2B94ECBF" w14:textId="1A7673D3">
            <w:pPr>
              <w:jc w:val="left"/>
              <w:rPr>
                <w:bCs/>
              </w:rPr>
            </w:pPr>
            <w:r w:rsidRPr="00397DDB">
              <w:rPr>
                <w:b/>
              </w:rPr>
              <w:t>MINISTRY OF THE ATTORNEY GENERAL</w:t>
            </w:r>
            <w:r w:rsidRPr="00397DDB">
              <w:rPr>
                <w:bCs/>
              </w:rPr>
              <w:br/>
              <w:t>Legal Services Branch</w:t>
            </w:r>
            <w:r w:rsidRPr="00397DDB">
              <w:rPr>
                <w:bCs/>
              </w:rPr>
              <w:br/>
              <w:t>1001 Douglas Street</w:t>
            </w:r>
            <w:r w:rsidRPr="00397DDB">
              <w:rPr>
                <w:bCs/>
              </w:rPr>
              <w:br/>
              <w:t>Victoria, BC  V8W 2C5</w:t>
            </w:r>
            <w:r w:rsidRPr="00397DDB">
              <w:rPr>
                <w:bCs/>
              </w:rPr>
              <w:br/>
              <w:t>Fax:</w:t>
            </w:r>
            <w:r w:rsidRPr="00397DDB">
              <w:rPr>
                <w:bCs/>
              </w:rPr>
              <w:tab/>
              <w:t>250-356-6730</w:t>
            </w:r>
          </w:p>
          <w:p w:rsidR="0096396D" w:rsidRPr="00397DDB" w:rsidP="00397DDB" w14:paraId="1263B283" w14:textId="595BCF32">
            <w:pPr>
              <w:jc w:val="left"/>
              <w:rPr>
                <w:bCs/>
              </w:rPr>
            </w:pPr>
            <w:r w:rsidRPr="00397DDB">
              <w:rPr>
                <w:b/>
              </w:rPr>
              <w:t>Peter R. Lawless</w:t>
            </w:r>
            <w:r w:rsidRPr="00397DDB">
              <w:rPr>
                <w:bCs/>
              </w:rPr>
              <w:br/>
              <w:t>Tel:</w:t>
            </w:r>
            <w:r w:rsidRPr="00397DDB">
              <w:rPr>
                <w:bCs/>
              </w:rPr>
              <w:tab/>
              <w:t>250-356-8432</w:t>
            </w:r>
            <w:r w:rsidRPr="00397DDB">
              <w:rPr>
                <w:bCs/>
              </w:rPr>
              <w:br/>
              <w:t>Email:</w:t>
            </w:r>
            <w:r w:rsidRPr="00397DDB">
              <w:rPr>
                <w:bCs/>
              </w:rPr>
              <w:tab/>
              <w:t>peter.lawless@gov.bc.ca</w:t>
            </w:r>
          </w:p>
        </w:tc>
      </w:tr>
      <w:tr w14:paraId="3953F8E3" w14:textId="77777777" w:rsidTr="00397DDB">
        <w:tblPrEx>
          <w:tblW w:w="9625" w:type="dxa"/>
          <w:tblLook w:val="04A0"/>
        </w:tblPrEx>
        <w:tc>
          <w:tcPr>
            <w:tcW w:w="1525" w:type="dxa"/>
          </w:tcPr>
          <w:p w:rsidR="006B6037" w:rsidRPr="00397DDB" w:rsidP="00397DDB" w14:paraId="3237D3AA" w14:textId="4D009794">
            <w:pPr>
              <w:jc w:val="left"/>
              <w:rPr>
                <w:b/>
                <w:caps/>
              </w:rPr>
            </w:pPr>
            <w:r w:rsidRPr="00397DDB">
              <w:rPr>
                <w:b/>
                <w:caps/>
              </w:rPr>
              <w:t>AND TO:</w:t>
            </w:r>
          </w:p>
        </w:tc>
        <w:tc>
          <w:tcPr>
            <w:tcW w:w="8100" w:type="dxa"/>
          </w:tcPr>
          <w:p w:rsidR="006B6037" w:rsidRPr="00397DDB" w:rsidP="00397DDB" w14:paraId="502AF913" w14:textId="09580EAD">
            <w:pPr>
              <w:jc w:val="left"/>
            </w:pPr>
            <w:r w:rsidRPr="00397DDB">
              <w:rPr>
                <w:b/>
              </w:rPr>
              <w:t>KSV ADVISORY INC.</w:t>
            </w:r>
            <w:r w:rsidRPr="00397DDB">
              <w:br/>
              <w:t>150 King Street West</w:t>
            </w:r>
            <w:r w:rsidRPr="00397DDB">
              <w:br/>
              <w:t>Suite 2308, Box 42</w:t>
            </w:r>
            <w:r w:rsidRPr="00397DDB">
              <w:br/>
              <w:t>Toronto, O</w:t>
            </w:r>
            <w:r w:rsidRPr="00397DDB" w:rsidR="00E76BE8">
              <w:t xml:space="preserve">N  </w:t>
            </w:r>
            <w:r w:rsidRPr="00397DDB">
              <w:t>M5H 1J9</w:t>
            </w:r>
            <w:r w:rsidRPr="00397DDB">
              <w:br/>
              <w:t>Fax:</w:t>
            </w:r>
            <w:r w:rsidRPr="00397DDB" w:rsidR="00CF4C78">
              <w:t xml:space="preserve"> </w:t>
            </w:r>
            <w:r w:rsidRPr="00397DDB" w:rsidR="00CF4C78">
              <w:tab/>
              <w:t>416-932-6266</w:t>
            </w:r>
          </w:p>
          <w:p w:rsidR="00CF4C78" w:rsidRPr="00397DDB" w:rsidP="00397DDB" w14:paraId="0D89F6D5" w14:textId="77777777">
            <w:pPr>
              <w:jc w:val="left"/>
            </w:pPr>
            <w:r w:rsidRPr="00397DDB">
              <w:rPr>
                <w:b/>
              </w:rPr>
              <w:t>Noah Goldstein</w:t>
            </w:r>
            <w:r w:rsidRPr="00397DDB">
              <w:br/>
              <w:t xml:space="preserve">Tel: </w:t>
            </w:r>
            <w:r w:rsidRPr="00397DDB">
              <w:tab/>
              <w:t>416-932-6207</w:t>
            </w:r>
            <w:r w:rsidRPr="00397DDB">
              <w:br/>
              <w:t xml:space="preserve">Email: </w:t>
            </w:r>
            <w:r w:rsidRPr="00397DDB">
              <w:tab/>
              <w:t>ngoldstein@ksvadvisory.com</w:t>
            </w:r>
          </w:p>
          <w:p w:rsidR="00CF4C78" w:rsidRPr="00397DDB" w:rsidP="00397DDB" w14:paraId="2119F9A7" w14:textId="77777777">
            <w:pPr>
              <w:jc w:val="left"/>
            </w:pPr>
            <w:r w:rsidRPr="00397DDB">
              <w:rPr>
                <w:b/>
              </w:rPr>
              <w:t>Bobby Kofman</w:t>
            </w:r>
            <w:r w:rsidRPr="00397DDB">
              <w:br/>
              <w:t xml:space="preserve">Email: </w:t>
            </w:r>
            <w:r w:rsidRPr="00397DDB">
              <w:tab/>
              <w:t>bkofman@ksvadvisory.com</w:t>
            </w:r>
          </w:p>
          <w:p w:rsidR="00C37FB1" w:rsidRPr="00397DDB" w:rsidP="00397DDB" w14:paraId="655EB6C3" w14:textId="7F929727">
            <w:pPr>
              <w:keepNext/>
              <w:jc w:val="left"/>
            </w:pPr>
            <w:r w:rsidRPr="00397DDB">
              <w:rPr>
                <w:b/>
                <w:bCs/>
              </w:rPr>
              <w:t>Jordan Wong</w:t>
            </w:r>
            <w:r w:rsidRPr="00397DDB">
              <w:br/>
              <w:t>Tel:</w:t>
            </w:r>
            <w:r w:rsidRPr="00397DDB">
              <w:tab/>
              <w:t>416-932-6025</w:t>
            </w:r>
            <w:r w:rsidRPr="00397DDB">
              <w:br/>
              <w:t>Email:</w:t>
            </w:r>
            <w:r w:rsidRPr="00397DDB">
              <w:tab/>
              <w:t>jwong@ksvadvisory.com</w:t>
            </w:r>
          </w:p>
          <w:p w:rsidR="00CF4C78" w:rsidRPr="00397DDB" w:rsidP="00397DDB" w14:paraId="22BFF62E" w14:textId="019C5F5A">
            <w:pPr>
              <w:jc w:val="left"/>
            </w:pPr>
            <w:r w:rsidRPr="00397DDB">
              <w:t>Financial Advisory for the Provinces of British Columbia, Manitoba, New Brunswick, Nova Scotia, Prince Edward Island and Saskatchewan, in their capacities as plaintiffs in the HCCR Legislation claims</w:t>
            </w:r>
          </w:p>
        </w:tc>
      </w:tr>
      <w:tr w14:paraId="7C57EA2D" w14:textId="77777777" w:rsidTr="00397DDB">
        <w:tblPrEx>
          <w:tblW w:w="9625" w:type="dxa"/>
          <w:tblLook w:val="04A0"/>
        </w:tblPrEx>
        <w:tc>
          <w:tcPr>
            <w:tcW w:w="1525" w:type="dxa"/>
          </w:tcPr>
          <w:p w:rsidR="006B5461" w:rsidRPr="00397DDB" w:rsidP="00397DDB" w14:paraId="144FA13F" w14:textId="77777777">
            <w:pPr>
              <w:jc w:val="left"/>
              <w:rPr>
                <w:b/>
                <w:caps/>
              </w:rPr>
            </w:pPr>
            <w:r w:rsidRPr="00397DDB">
              <w:rPr>
                <w:b/>
                <w:caps/>
              </w:rPr>
              <w:t>and to:</w:t>
            </w:r>
          </w:p>
        </w:tc>
        <w:tc>
          <w:tcPr>
            <w:tcW w:w="8100" w:type="dxa"/>
          </w:tcPr>
          <w:p w:rsidR="006B5461" w:rsidRPr="00397DDB" w:rsidP="00397DDB" w14:paraId="4DE9AD80" w14:textId="4C714A9B">
            <w:pPr>
              <w:jc w:val="left"/>
              <w:rPr>
                <w:b/>
              </w:rPr>
            </w:pPr>
            <w:r w:rsidRPr="00397DDB">
              <w:rPr>
                <w:b/>
                <w:caps/>
              </w:rPr>
              <w:t>Ministry of the attorney General</w:t>
            </w:r>
            <w:r w:rsidRPr="00397DDB">
              <w:rPr>
                <w:b/>
                <w:caps/>
              </w:rPr>
              <w:br/>
            </w:r>
            <w:r w:rsidRPr="00397DDB">
              <w:t>Crown Law Office</w:t>
            </w:r>
            <w:r w:rsidRPr="00397DDB" w:rsidR="0095168A">
              <w:t xml:space="preserve"> </w:t>
            </w:r>
            <w:r w:rsidRPr="00397DDB">
              <w:t>-</w:t>
            </w:r>
            <w:r w:rsidRPr="00397DDB" w:rsidR="0095168A">
              <w:t xml:space="preserve"> </w:t>
            </w:r>
            <w:r w:rsidRPr="00397DDB">
              <w:t>Civil</w:t>
            </w:r>
            <w:r w:rsidRPr="00397DDB">
              <w:br/>
              <w:t>720 Bay Street</w:t>
            </w:r>
            <w:r w:rsidRPr="00397DDB" w:rsidR="0095168A">
              <w:t>, 8th Floor</w:t>
            </w:r>
            <w:r w:rsidRPr="00397DDB" w:rsidR="0095168A">
              <w:br/>
            </w:r>
            <w:r w:rsidRPr="00397DDB">
              <w:t>Toronto, ON  M7A 2S9</w:t>
            </w:r>
            <w:r w:rsidRPr="00397DDB">
              <w:br/>
              <w:t>Fax:</w:t>
            </w:r>
            <w:r w:rsidRPr="00397DDB">
              <w:tab/>
              <w:t>416-326-4181</w:t>
            </w:r>
          </w:p>
          <w:p w:rsidR="00460C9A" w:rsidRPr="00397DDB" w:rsidP="00397DDB" w14:paraId="2DCF773D" w14:textId="111562E3">
            <w:pPr>
              <w:jc w:val="left"/>
              <w:rPr>
                <w:b/>
              </w:rPr>
            </w:pPr>
            <w:r w:rsidRPr="00397DDB">
              <w:rPr>
                <w:b/>
              </w:rPr>
              <w:t xml:space="preserve">Jacqueline Wall </w:t>
            </w:r>
            <w:r w:rsidRPr="00397DDB">
              <w:rPr>
                <w:b/>
              </w:rPr>
              <w:br/>
            </w:r>
            <w:r w:rsidRPr="00397DDB">
              <w:t>Tel:</w:t>
            </w:r>
            <w:r w:rsidRPr="00397DDB">
              <w:tab/>
              <w:t>416-</w:t>
            </w:r>
            <w:r w:rsidRPr="00397DDB" w:rsidR="002E7E21">
              <w:t>434-4454</w:t>
            </w:r>
            <w:r w:rsidRPr="00397DDB">
              <w:br/>
              <w:t>Email:</w:t>
            </w:r>
            <w:r w:rsidRPr="00397DDB">
              <w:tab/>
            </w:r>
            <w:r w:rsidRPr="00397DDB">
              <w:rPr>
                <w:rStyle w:val="Hyperlink"/>
                <w:color w:val="auto"/>
                <w:u w:val="none"/>
              </w:rPr>
              <w:t>jacqueline.wall@ontario.ca</w:t>
            </w:r>
          </w:p>
          <w:p w:rsidR="00EF6385" w:rsidRPr="00397DDB" w:rsidP="00397DDB" w14:paraId="18B1E982" w14:textId="3BFFADF4">
            <w:pPr>
              <w:jc w:val="left"/>
            </w:pPr>
            <w:r w:rsidRPr="00397DDB">
              <w:t>Lawyers for H</w:t>
            </w:r>
            <w:r w:rsidRPr="00397DDB" w:rsidR="00D91EAE">
              <w:t>is</w:t>
            </w:r>
            <w:r w:rsidRPr="00397DDB">
              <w:t xml:space="preserve"> Majesty the </w:t>
            </w:r>
            <w:r w:rsidRPr="00397DDB" w:rsidR="00BC6EB3">
              <w:t xml:space="preserve">King </w:t>
            </w:r>
            <w:r w:rsidRPr="00397DDB">
              <w:t>in Right of Ontario</w:t>
            </w:r>
          </w:p>
        </w:tc>
      </w:tr>
      <w:tr w14:paraId="4E0D1C23" w14:textId="77777777" w:rsidTr="00397DDB">
        <w:tblPrEx>
          <w:tblW w:w="9625" w:type="dxa"/>
          <w:tblLook w:val="04A0"/>
        </w:tblPrEx>
        <w:tc>
          <w:tcPr>
            <w:tcW w:w="1525" w:type="dxa"/>
          </w:tcPr>
          <w:p w:rsidR="0095168A" w:rsidRPr="00397DDB" w:rsidP="00397DDB" w14:paraId="70E2BD55" w14:textId="21316024">
            <w:pPr>
              <w:jc w:val="left"/>
              <w:rPr>
                <w:b/>
                <w:caps/>
              </w:rPr>
            </w:pPr>
            <w:r w:rsidRPr="00397DDB">
              <w:rPr>
                <w:b/>
                <w:caps/>
              </w:rPr>
              <w:t>AND TO:</w:t>
            </w:r>
          </w:p>
        </w:tc>
        <w:tc>
          <w:tcPr>
            <w:tcW w:w="8100" w:type="dxa"/>
          </w:tcPr>
          <w:p w:rsidR="0095168A" w:rsidRPr="00397DDB" w:rsidP="00397DDB" w14:paraId="5D7B1083" w14:textId="34F5E580">
            <w:pPr>
              <w:jc w:val="left"/>
            </w:pPr>
            <w:r w:rsidRPr="00397DDB">
              <w:rPr>
                <w:b/>
              </w:rPr>
              <w:t>FISHMAN FLANZ MELAND PAQUIN LLP</w:t>
            </w:r>
            <w:r w:rsidRPr="00397DDB">
              <w:br/>
            </w:r>
            <w:r w:rsidRPr="00397DDB" w:rsidR="003D126D">
              <w:t>Place du Canada</w:t>
            </w:r>
            <w:r w:rsidRPr="00397DDB" w:rsidR="003D126D">
              <w:br/>
              <w:t>1010 de la Gauchetière St. West, Suite 1600</w:t>
            </w:r>
            <w:r w:rsidRPr="00397DDB">
              <w:br/>
              <w:t xml:space="preserve">Montreal, </w:t>
            </w:r>
            <w:r w:rsidRPr="00397DDB" w:rsidR="003D78A2">
              <w:t>QC</w:t>
            </w:r>
            <w:r w:rsidRPr="00397DDB">
              <w:t xml:space="preserve">  H3</w:t>
            </w:r>
            <w:r w:rsidRPr="00397DDB" w:rsidR="003D126D">
              <w:t>B</w:t>
            </w:r>
            <w:r w:rsidRPr="00397DDB">
              <w:t xml:space="preserve"> </w:t>
            </w:r>
            <w:r w:rsidRPr="00397DDB" w:rsidR="003D126D">
              <w:t>2N2</w:t>
            </w:r>
          </w:p>
          <w:p w:rsidR="0095168A" w:rsidRPr="00397DDB" w:rsidP="00397DDB" w14:paraId="380A9A30" w14:textId="77777777">
            <w:pPr>
              <w:jc w:val="left"/>
            </w:pPr>
            <w:r w:rsidRPr="00397DDB">
              <w:rPr>
                <w:b/>
              </w:rPr>
              <w:t>Avram Fishman</w:t>
            </w:r>
            <w:r w:rsidRPr="00397DDB">
              <w:br/>
              <w:t>Email:</w:t>
            </w:r>
            <w:r w:rsidRPr="00397DDB">
              <w:tab/>
              <w:t>afishman@ffmp.ca</w:t>
            </w:r>
          </w:p>
          <w:p w:rsidR="0095168A" w:rsidRPr="00397DDB" w:rsidP="00397DDB" w14:paraId="3C5EF710" w14:textId="0D4BC2F9">
            <w:pPr>
              <w:jc w:val="left"/>
            </w:pPr>
            <w:r w:rsidRPr="00397DDB">
              <w:rPr>
                <w:b/>
              </w:rPr>
              <w:t>Mark E. Meland</w:t>
            </w:r>
            <w:r w:rsidRPr="00397DDB">
              <w:br/>
              <w:t>Tel:</w:t>
            </w:r>
            <w:r w:rsidRPr="00397DDB">
              <w:tab/>
              <w:t>514-932-4100</w:t>
            </w:r>
            <w:r w:rsidRPr="00397DDB">
              <w:br/>
              <w:t>Email:</w:t>
            </w:r>
            <w:r w:rsidRPr="00397DDB">
              <w:tab/>
            </w:r>
            <w:r w:rsidRPr="00397DDB" w:rsidR="00ED0DB0">
              <w:t>mmeland@ffmp.ca</w:t>
            </w:r>
          </w:p>
          <w:p w:rsidR="0053228D" w:rsidRPr="00397DDB" w:rsidP="00397DDB" w14:paraId="2E83728C" w14:textId="3A22447D">
            <w:pPr>
              <w:jc w:val="left"/>
            </w:pPr>
            <w:r w:rsidRPr="00397DDB">
              <w:rPr>
                <w:b/>
              </w:rPr>
              <w:t>Margo R. Siminovitch</w:t>
            </w:r>
            <w:r w:rsidRPr="00397DDB">
              <w:br/>
              <w:t>Email:</w:t>
            </w:r>
            <w:r w:rsidRPr="00397DDB">
              <w:tab/>
              <w:t>msiminovitch@ffmp.ca</w:t>
            </w:r>
          </w:p>
          <w:p w:rsidR="0053228D" w:rsidRPr="00397DDB" w:rsidP="00397DDB" w14:paraId="4FAA4A86" w14:textId="2F148AA5">
            <w:pPr>
              <w:jc w:val="left"/>
            </w:pPr>
            <w:r w:rsidRPr="00397DDB">
              <w:rPr>
                <w:b/>
              </w:rPr>
              <w:t>Jason Dolman</w:t>
            </w:r>
            <w:r w:rsidRPr="00397DDB">
              <w:br/>
              <w:t>Email:</w:t>
            </w:r>
            <w:r w:rsidRPr="00397DDB">
              <w:tab/>
              <w:t>jdolman@ffmp.ca</w:t>
            </w:r>
          </w:p>
          <w:p w:rsidR="00094FD9" w:rsidRPr="00397DDB" w:rsidP="00397DDB" w14:paraId="1B625BB2" w14:textId="554D2FA0">
            <w:pPr>
              <w:jc w:val="left"/>
            </w:pPr>
            <w:r w:rsidRPr="00397DDB">
              <w:rPr>
                <w:b/>
              </w:rPr>
              <w:t>Nicolas Brochu</w:t>
            </w:r>
            <w:r w:rsidRPr="00397DDB">
              <w:br/>
              <w:t>Email:</w:t>
            </w:r>
            <w:r w:rsidRPr="00397DDB">
              <w:tab/>
              <w:t>nb</w:t>
            </w:r>
            <w:r w:rsidRPr="00397DDB" w:rsidR="00924508">
              <w:t>r</w:t>
            </w:r>
            <w:r w:rsidRPr="00397DDB">
              <w:t>ochu@ffmp.ca</w:t>
            </w:r>
            <w:r w:rsidRPr="00397DDB">
              <w:t xml:space="preserve"> </w:t>
            </w:r>
          </w:p>
          <w:p w:rsidR="0053228D" w:rsidRPr="00397DDB" w:rsidP="00397DDB" w14:paraId="42179E7A" w14:textId="27647E47">
            <w:pPr>
              <w:jc w:val="left"/>
            </w:pPr>
            <w:r w:rsidRPr="00397DDB">
              <w:rPr>
                <w:b/>
              </w:rPr>
              <w:t>Tina Silverstein</w:t>
            </w:r>
            <w:r w:rsidRPr="00397DDB">
              <w:br/>
              <w:t>Email:</w:t>
            </w:r>
            <w:r w:rsidRPr="00397DDB">
              <w:tab/>
              <w:t>tsilverstein@ffmp.ca</w:t>
            </w:r>
          </w:p>
          <w:p w:rsidR="00ED0DB0" w:rsidRPr="00397DDB" w:rsidP="00397DDB" w14:paraId="7479C980" w14:textId="11F241D7">
            <w:pPr>
              <w:jc w:val="left"/>
            </w:pPr>
            <w:r w:rsidRPr="00397DDB">
              <w:rPr>
                <w:b/>
              </w:rPr>
              <w:t>CHAITONS LLP</w:t>
            </w:r>
            <w:r w:rsidRPr="00397DDB">
              <w:br/>
              <w:t>5000 Yonge Street 10th Floor</w:t>
            </w:r>
            <w:r w:rsidRPr="00397DDB">
              <w:br/>
              <w:t>Toronto, ON  M2N 7E9</w:t>
            </w:r>
          </w:p>
          <w:p w:rsidR="0023621E" w:rsidRPr="00397DDB" w:rsidP="00397DDB" w14:paraId="4AB309DB" w14:textId="77777777">
            <w:pPr>
              <w:jc w:val="left"/>
            </w:pPr>
            <w:r w:rsidRPr="00397DDB">
              <w:rPr>
                <w:b/>
              </w:rPr>
              <w:t>Harvey Chaiton</w:t>
            </w:r>
            <w:r w:rsidRPr="00397DDB">
              <w:br/>
              <w:t>Tel:</w:t>
            </w:r>
            <w:r w:rsidRPr="00397DDB">
              <w:tab/>
              <w:t>416-218-1129</w:t>
            </w:r>
            <w:r w:rsidRPr="00397DDB">
              <w:br/>
              <w:t>Email:</w:t>
            </w:r>
            <w:r w:rsidRPr="00397DDB">
              <w:tab/>
              <w:t>harvey@chaitons.com</w:t>
            </w:r>
          </w:p>
          <w:p w:rsidR="00094FD9" w:rsidRPr="00397DDB" w:rsidP="00397DDB" w14:paraId="0F7B8FBF" w14:textId="297C29F5">
            <w:pPr>
              <w:jc w:val="left"/>
            </w:pPr>
            <w:r w:rsidRPr="00397DDB">
              <w:rPr>
                <w:b/>
              </w:rPr>
              <w:t>George Benchetrit</w:t>
            </w:r>
            <w:r w:rsidRPr="00397DDB">
              <w:t xml:space="preserve"> </w:t>
            </w:r>
            <w:r w:rsidRPr="00397DDB" w:rsidR="00ED0DB0">
              <w:br/>
              <w:t>Tel:</w:t>
            </w:r>
            <w:r w:rsidRPr="00397DDB" w:rsidR="00ED0DB0">
              <w:tab/>
              <w:t>416-218-11</w:t>
            </w:r>
            <w:r w:rsidRPr="00397DDB">
              <w:t>41</w:t>
            </w:r>
            <w:r w:rsidRPr="00397DDB" w:rsidR="00ED0DB0">
              <w:br/>
              <w:t>Email:</w:t>
            </w:r>
            <w:r w:rsidRPr="00397DDB" w:rsidR="00ED0DB0">
              <w:tab/>
            </w:r>
            <w:r w:rsidRPr="00397DDB">
              <w:t>george</w:t>
            </w:r>
            <w:r w:rsidRPr="00397DDB" w:rsidR="00ED0DB0">
              <w:t>@chaitons.com</w:t>
            </w:r>
          </w:p>
          <w:p w:rsidR="003D78A2" w:rsidRPr="00397DDB" w:rsidP="00397DDB" w14:paraId="6235B31F" w14:textId="33AC9DF1">
            <w:pPr>
              <w:jc w:val="left"/>
            </w:pPr>
            <w:r w:rsidRPr="00397DDB">
              <w:rPr>
                <w:b/>
                <w:bCs/>
              </w:rPr>
              <w:t>TRUDEL JOHNSTON &amp; LESPÉRANCE</w:t>
            </w:r>
            <w:r w:rsidRPr="00397DDB">
              <w:br/>
              <w:t>750, Cote de la Place d’Armes, Bureau 90</w:t>
            </w:r>
            <w:r w:rsidRPr="00397DDB">
              <w:br/>
              <w:t>Montréal, QC  H2Y 2X8</w:t>
            </w:r>
            <w:r w:rsidRPr="00397DDB">
              <w:br/>
              <w:t>Fax:</w:t>
            </w:r>
            <w:r w:rsidRPr="00397DDB">
              <w:tab/>
              <w:t>514-871-8800</w:t>
            </w:r>
          </w:p>
          <w:p w:rsidR="003D78A2" w:rsidRPr="00397DDB" w:rsidP="00397DDB" w14:paraId="0033EBF0" w14:textId="41D3EDF8">
            <w:pPr>
              <w:jc w:val="left"/>
            </w:pPr>
            <w:r w:rsidRPr="00397DDB">
              <w:rPr>
                <w:b/>
                <w:bCs/>
              </w:rPr>
              <w:t>Philippe Trudel</w:t>
            </w:r>
            <w:r w:rsidRPr="00397DDB">
              <w:br/>
              <w:t>Tel:</w:t>
            </w:r>
            <w:r w:rsidRPr="00397DDB">
              <w:tab/>
              <w:t>514-871-</w:t>
            </w:r>
            <w:r w:rsidRPr="00397DDB" w:rsidR="00BE111C">
              <w:t>8385, x203</w:t>
            </w:r>
            <w:r w:rsidRPr="00397DDB">
              <w:br/>
              <w:t>Email:</w:t>
            </w:r>
            <w:r w:rsidRPr="00397DDB">
              <w:tab/>
              <w:t>philippe@tjl.quebec</w:t>
            </w:r>
          </w:p>
          <w:p w:rsidR="003D78A2" w:rsidRPr="00397DDB" w:rsidP="00397DDB" w14:paraId="10002536" w14:textId="55CC35B1">
            <w:pPr>
              <w:jc w:val="left"/>
            </w:pPr>
            <w:r w:rsidRPr="00397DDB">
              <w:rPr>
                <w:b/>
                <w:bCs/>
              </w:rPr>
              <w:t>Bruce Johnston</w:t>
            </w:r>
            <w:r w:rsidRPr="00397DDB">
              <w:br/>
              <w:t>Tel:</w:t>
            </w:r>
            <w:r w:rsidRPr="00397DDB">
              <w:tab/>
              <w:t>514-871-</w:t>
            </w:r>
            <w:r w:rsidRPr="00397DDB" w:rsidR="00BE111C">
              <w:t>83</w:t>
            </w:r>
            <w:r w:rsidRPr="00397DDB">
              <w:t>85</w:t>
            </w:r>
            <w:r w:rsidRPr="00397DDB" w:rsidR="00BE111C">
              <w:t>, x202</w:t>
            </w:r>
            <w:r w:rsidRPr="00397DDB">
              <w:br/>
              <w:t>Email:</w:t>
            </w:r>
            <w:r w:rsidRPr="00397DDB">
              <w:tab/>
              <w:t>bruce@tjl.quebec</w:t>
            </w:r>
          </w:p>
          <w:p w:rsidR="003D78A2" w:rsidRPr="00397DDB" w:rsidP="00397DDB" w14:paraId="41605B0E" w14:textId="22D6D317">
            <w:pPr>
              <w:jc w:val="left"/>
            </w:pPr>
            <w:r w:rsidRPr="00397DDB">
              <w:rPr>
                <w:b/>
                <w:bCs/>
              </w:rPr>
              <w:t>André Lespérance</w:t>
            </w:r>
            <w:r w:rsidRPr="00397DDB">
              <w:br/>
              <w:t>Tel:</w:t>
            </w:r>
            <w:r w:rsidRPr="00397DDB">
              <w:tab/>
              <w:t>514-871-8</w:t>
            </w:r>
            <w:r w:rsidRPr="00397DDB" w:rsidR="00BE111C">
              <w:t xml:space="preserve">805 </w:t>
            </w:r>
            <w:r w:rsidRPr="00397DDB">
              <w:br/>
              <w:t>Email:</w:t>
            </w:r>
            <w:r w:rsidRPr="00397DDB">
              <w:tab/>
              <w:t>andre@tjl.quebec</w:t>
            </w:r>
          </w:p>
          <w:p w:rsidR="009907BF" w:rsidRPr="00397DDB" w:rsidP="00397DDB" w14:paraId="12F6D34C" w14:textId="30E769A6">
            <w:pPr>
              <w:jc w:val="left"/>
            </w:pPr>
            <w:r w:rsidRPr="00397DDB">
              <w:rPr>
                <w:b/>
                <w:bCs/>
              </w:rPr>
              <w:t>KUGLER KANDESTIN s.e.n.c.r.l., LLP</w:t>
            </w:r>
            <w:r w:rsidRPr="00397DDB">
              <w:br/>
              <w:t>1 Place Ville-Marie, Suite 1170</w:t>
            </w:r>
            <w:r w:rsidRPr="00397DDB">
              <w:br/>
              <w:t>Montréal, QC  H3B 2A7</w:t>
            </w:r>
          </w:p>
          <w:p w:rsidR="009907BF" w:rsidRPr="00397DDB" w:rsidP="00397DDB" w14:paraId="0F7B2F71" w14:textId="46903744">
            <w:pPr>
              <w:jc w:val="left"/>
            </w:pPr>
            <w:r w:rsidRPr="00397DDB">
              <w:rPr>
                <w:b/>
                <w:bCs/>
              </w:rPr>
              <w:t>Gordon Kulger</w:t>
            </w:r>
            <w:r w:rsidRPr="00397DDB">
              <w:br/>
              <w:t>Tel:</w:t>
            </w:r>
            <w:r w:rsidRPr="00397DDB">
              <w:tab/>
              <w:t>514-360-2686</w:t>
            </w:r>
            <w:r w:rsidRPr="00397DDB">
              <w:br/>
              <w:t>Email:</w:t>
            </w:r>
            <w:r w:rsidRPr="00397DDB">
              <w:tab/>
              <w:t>gkugler@kkl</w:t>
            </w:r>
            <w:r w:rsidRPr="00397DDB" w:rsidR="00A3340F">
              <w:t>e</w:t>
            </w:r>
            <w:r w:rsidRPr="00397DDB">
              <w:t>x.com</w:t>
            </w:r>
          </w:p>
          <w:p w:rsidR="009907BF" w:rsidRPr="00397DDB" w:rsidP="00397DDB" w14:paraId="5E162EB6" w14:textId="3F4874F0">
            <w:pPr>
              <w:jc w:val="left"/>
            </w:pPr>
            <w:r w:rsidRPr="00397DDB">
              <w:rPr>
                <w:b/>
                <w:bCs/>
              </w:rPr>
              <w:t>Robert Kugler</w:t>
            </w:r>
            <w:r w:rsidRPr="00397DDB">
              <w:br/>
              <w:t>Tel:</w:t>
            </w:r>
            <w:r w:rsidRPr="00397DDB">
              <w:tab/>
              <w:t>514-360-8882</w:t>
            </w:r>
            <w:r w:rsidRPr="00397DDB">
              <w:br/>
              <w:t>Email:</w:t>
            </w:r>
            <w:r w:rsidRPr="00397DDB">
              <w:tab/>
              <w:t>rkugler@kklex.com</w:t>
            </w:r>
          </w:p>
          <w:p w:rsidR="00ED0DB0" w:rsidRPr="00397DDB" w:rsidP="00397DDB" w14:paraId="458658E5" w14:textId="02C86D4F">
            <w:pPr>
              <w:jc w:val="left"/>
            </w:pPr>
            <w:r w:rsidRPr="00397DDB">
              <w:t>Lawyers for Conseil québécois sur le tabac et la santé, Jean-Yves Blais and Cécilia Létourneau (Quebec Class Action Plaintiffs)</w:t>
            </w:r>
          </w:p>
        </w:tc>
      </w:tr>
      <w:tr w14:paraId="3F3C0148" w14:textId="77777777" w:rsidTr="00397DDB">
        <w:tblPrEx>
          <w:tblW w:w="9625" w:type="dxa"/>
          <w:tblLook w:val="04A0"/>
        </w:tblPrEx>
        <w:tc>
          <w:tcPr>
            <w:tcW w:w="1525" w:type="dxa"/>
          </w:tcPr>
          <w:p w:rsidR="00CA0F11" w:rsidRPr="00397DDB" w:rsidP="00397DDB" w14:paraId="7F8D864F" w14:textId="1C51189A">
            <w:pPr>
              <w:jc w:val="left"/>
              <w:rPr>
                <w:b/>
                <w:caps/>
              </w:rPr>
            </w:pPr>
            <w:r w:rsidRPr="00397DDB">
              <w:rPr>
                <w:b/>
                <w:caps/>
              </w:rPr>
              <w:t>AND TO:</w:t>
            </w:r>
          </w:p>
        </w:tc>
        <w:tc>
          <w:tcPr>
            <w:tcW w:w="8100" w:type="dxa"/>
          </w:tcPr>
          <w:p w:rsidR="00CA0F11" w:rsidRPr="00397DDB" w:rsidP="00397DDB" w14:paraId="26793302" w14:textId="272545F0">
            <w:pPr>
              <w:jc w:val="left"/>
            </w:pPr>
            <w:r w:rsidRPr="00397DDB">
              <w:rPr>
                <w:b/>
              </w:rPr>
              <w:t>KLEIN LAWYERS</w:t>
            </w:r>
            <w:r w:rsidRPr="00397DDB" w:rsidR="00EF4835">
              <w:rPr>
                <w:b/>
              </w:rPr>
              <w:t xml:space="preserve"> LLP</w:t>
            </w:r>
            <w:r w:rsidRPr="00397DDB">
              <w:br/>
              <w:t>100 King Street West, Suite 5600</w:t>
            </w:r>
            <w:r w:rsidRPr="00397DDB">
              <w:br/>
              <w:t>Toronto, O</w:t>
            </w:r>
            <w:r w:rsidRPr="00397DDB" w:rsidR="00D358B5">
              <w:t>N</w:t>
            </w:r>
            <w:r w:rsidRPr="00397DDB">
              <w:t xml:space="preserve">  M5X 1C9</w:t>
            </w:r>
          </w:p>
          <w:p w:rsidR="00EF4835" w:rsidRPr="00397DDB" w:rsidP="00397DDB" w14:paraId="5E5056F8" w14:textId="77777777">
            <w:pPr>
              <w:jc w:val="left"/>
            </w:pPr>
            <w:r w:rsidRPr="00397DDB">
              <w:rPr>
                <w:b/>
              </w:rPr>
              <w:t>Douglas Lennox</w:t>
            </w:r>
            <w:r w:rsidRPr="00397DDB">
              <w:br/>
              <w:t>Tel:</w:t>
            </w:r>
            <w:r w:rsidRPr="00397DDB">
              <w:tab/>
              <w:t>416-506-1944</w:t>
            </w:r>
            <w:r w:rsidRPr="00397DDB">
              <w:br/>
              <w:t>Email:</w:t>
            </w:r>
            <w:r w:rsidRPr="00397DDB">
              <w:tab/>
              <w:t>dlennox@callkleinlawyers.com</w:t>
            </w:r>
          </w:p>
          <w:p w:rsidR="00EF4835" w:rsidRPr="00397DDB" w:rsidP="00397DDB" w14:paraId="736EA98B" w14:textId="50496A56">
            <w:pPr>
              <w:jc w:val="left"/>
              <w:rPr>
                <w:bCs/>
              </w:rPr>
            </w:pPr>
            <w:r w:rsidRPr="00397DDB">
              <w:rPr>
                <w:b/>
              </w:rPr>
              <w:t>KLEIN LAWYERS LLP</w:t>
            </w:r>
            <w:r w:rsidRPr="00397DDB">
              <w:rPr>
                <w:bCs/>
              </w:rPr>
              <w:br/>
              <w:t>400 – 1385 West 8</w:t>
            </w:r>
            <w:r w:rsidRPr="00397DDB">
              <w:rPr>
                <w:bCs/>
                <w:vertAlign w:val="superscript"/>
              </w:rPr>
              <w:t>th</w:t>
            </w:r>
            <w:r w:rsidRPr="00397DDB">
              <w:rPr>
                <w:bCs/>
              </w:rPr>
              <w:t xml:space="preserve"> Avenue</w:t>
            </w:r>
            <w:r w:rsidRPr="00397DDB">
              <w:rPr>
                <w:bCs/>
              </w:rPr>
              <w:br/>
              <w:t>Vancouver, BC  V6H 3V9</w:t>
            </w:r>
          </w:p>
          <w:p w:rsidR="00D91EAE" w:rsidRPr="00397DDB" w:rsidP="00397DDB" w14:paraId="03F13537" w14:textId="68F944FC">
            <w:pPr>
              <w:jc w:val="left"/>
            </w:pPr>
            <w:r w:rsidRPr="00397DDB">
              <w:rPr>
                <w:b/>
              </w:rPr>
              <w:t>David A. Klein</w:t>
            </w:r>
            <w:r w:rsidRPr="00397DDB">
              <w:br/>
              <w:t>Email:</w:t>
            </w:r>
            <w:r w:rsidRPr="00397DDB">
              <w:tab/>
              <w:t>dklein@callkleinlawyers.com</w:t>
            </w:r>
          </w:p>
          <w:p w:rsidR="00CA0F11" w:rsidRPr="00397DDB" w:rsidP="00397DDB" w14:paraId="3805E6F4" w14:textId="0F01451E">
            <w:pPr>
              <w:jc w:val="left"/>
            </w:pPr>
            <w:r w:rsidRPr="00397DDB">
              <w:rPr>
                <w:b/>
              </w:rPr>
              <w:t>Nicola Hartigan</w:t>
            </w:r>
            <w:r w:rsidRPr="00397DDB">
              <w:br/>
              <w:t>Tel:</w:t>
            </w:r>
            <w:r w:rsidRPr="00397DDB">
              <w:tab/>
            </w:r>
            <w:r w:rsidRPr="00397DDB" w:rsidR="00EF4835">
              <w:t>604-874-7171</w:t>
            </w:r>
            <w:r w:rsidRPr="00397DDB">
              <w:br/>
              <w:t>Email:</w:t>
            </w:r>
            <w:r w:rsidRPr="00397DDB">
              <w:tab/>
            </w:r>
            <w:r w:rsidRPr="00397DDB">
              <w:t>nhartigan</w:t>
            </w:r>
            <w:r w:rsidRPr="00397DDB">
              <w:t>@callkleinlawyers.com</w:t>
            </w:r>
          </w:p>
          <w:p w:rsidR="00CA0F11" w:rsidRPr="00397DDB" w:rsidP="00397DDB" w14:paraId="73668653" w14:textId="797F75E2">
            <w:pPr>
              <w:jc w:val="left"/>
            </w:pPr>
            <w:r w:rsidRPr="00397DDB">
              <w:t xml:space="preserve">Lawyers for the representative plaintiff, Kenneth Knight, in the certified British Columbia class action, </w:t>
            </w:r>
            <w:r w:rsidRPr="00397DDB">
              <w:rPr>
                <w:i/>
              </w:rPr>
              <w:t>Knight v. Imperial Tobacco Canada Ltd.</w:t>
            </w:r>
            <w:r w:rsidRPr="00397DDB">
              <w:t>, Supreme Court of British Columbia, Vancouver Registry No. L031300</w:t>
            </w:r>
          </w:p>
        </w:tc>
      </w:tr>
      <w:tr w14:paraId="40998437" w14:textId="77777777" w:rsidTr="00397DDB">
        <w:tblPrEx>
          <w:tblW w:w="9625" w:type="dxa"/>
          <w:tblLook w:val="04A0"/>
        </w:tblPrEx>
        <w:tc>
          <w:tcPr>
            <w:tcW w:w="1525" w:type="dxa"/>
          </w:tcPr>
          <w:p w:rsidR="00BE5666" w:rsidRPr="00397DDB" w:rsidP="00397DDB" w14:paraId="44BA44BB" w14:textId="21CE7558">
            <w:pPr>
              <w:jc w:val="left"/>
              <w:rPr>
                <w:b/>
                <w:caps/>
              </w:rPr>
            </w:pPr>
            <w:r w:rsidRPr="00397DDB">
              <w:rPr>
                <w:b/>
                <w:caps/>
              </w:rPr>
              <w:t>AND TO:</w:t>
            </w:r>
          </w:p>
        </w:tc>
        <w:tc>
          <w:tcPr>
            <w:tcW w:w="8100" w:type="dxa"/>
          </w:tcPr>
          <w:p w:rsidR="00BE5666" w:rsidRPr="00397DDB" w:rsidP="00397DDB" w14:paraId="5C3F75DD" w14:textId="1C0F9E78">
            <w:pPr>
              <w:jc w:val="left"/>
            </w:pPr>
            <w:r w:rsidRPr="00397DDB">
              <w:rPr>
                <w:b/>
              </w:rPr>
              <w:t>JENSEN SHAWA SOLOMON DUGID HAWKES LLP</w:t>
            </w:r>
            <w:r w:rsidRPr="00397DDB">
              <w:br/>
              <w:t>800, 304 – 8 Avenue SW</w:t>
            </w:r>
            <w:r w:rsidRPr="00397DDB">
              <w:br/>
              <w:t>Calgary, A</w:t>
            </w:r>
            <w:r w:rsidRPr="00397DDB" w:rsidR="00E76BE8">
              <w:t xml:space="preserve">B  </w:t>
            </w:r>
            <w:r w:rsidRPr="00397DDB">
              <w:t>T2P 1C2</w:t>
            </w:r>
            <w:r w:rsidRPr="00397DDB">
              <w:br/>
              <w:t xml:space="preserve">Fax: </w:t>
            </w:r>
            <w:r w:rsidRPr="00397DDB">
              <w:tab/>
              <w:t>403-571-1528</w:t>
            </w:r>
          </w:p>
          <w:p w:rsidR="00BE5666" w:rsidRPr="00397DDB" w:rsidP="00397DDB" w14:paraId="7BDD4682" w14:textId="69DE99F6">
            <w:pPr>
              <w:jc w:val="left"/>
            </w:pPr>
            <w:r w:rsidRPr="00397DDB">
              <w:rPr>
                <w:b/>
              </w:rPr>
              <w:t>Carsten Jensen, QC</w:t>
            </w:r>
            <w:r w:rsidRPr="00397DDB">
              <w:br/>
              <w:t xml:space="preserve">Tel: </w:t>
            </w:r>
            <w:r w:rsidRPr="00397DDB">
              <w:tab/>
              <w:t>403-571-1526</w:t>
            </w:r>
            <w:r w:rsidRPr="00397DDB">
              <w:br/>
              <w:t xml:space="preserve">Email: </w:t>
            </w:r>
            <w:r w:rsidRPr="00397DDB">
              <w:tab/>
              <w:t>jensenc@jssbarristers.ca</w:t>
            </w:r>
          </w:p>
          <w:p w:rsidR="00BE5666" w:rsidRPr="00397DDB" w:rsidP="00397DDB" w14:paraId="0DA310E7" w14:textId="1BB60736">
            <w:pPr>
              <w:jc w:val="left"/>
            </w:pPr>
            <w:r w:rsidRPr="00397DDB">
              <w:rPr>
                <w:b/>
              </w:rPr>
              <w:t>Sabri Shawa, QC</w:t>
            </w:r>
            <w:r w:rsidRPr="00397DDB">
              <w:br/>
              <w:t xml:space="preserve">Tel: </w:t>
            </w:r>
            <w:r w:rsidRPr="00397DDB">
              <w:tab/>
              <w:t>403-571-1527</w:t>
            </w:r>
            <w:r w:rsidRPr="00397DDB">
              <w:br/>
              <w:t xml:space="preserve">Email: </w:t>
            </w:r>
            <w:r w:rsidRPr="00397DDB">
              <w:tab/>
              <w:t>shawas@jssbarristers.ca</w:t>
            </w:r>
          </w:p>
          <w:p w:rsidR="00BE5666" w:rsidRPr="00397DDB" w:rsidP="00397DDB" w14:paraId="2D1AC1A5" w14:textId="10A4B815">
            <w:pPr>
              <w:jc w:val="left"/>
            </w:pPr>
            <w:r w:rsidRPr="00397DDB">
              <w:rPr>
                <w:b/>
              </w:rPr>
              <w:t>Stacy Petriuk</w:t>
            </w:r>
            <w:r w:rsidRPr="00397DDB">
              <w:br/>
              <w:t xml:space="preserve">Tel: </w:t>
            </w:r>
            <w:r w:rsidRPr="00397DDB">
              <w:tab/>
              <w:t>403-571-1523</w:t>
            </w:r>
            <w:r w:rsidRPr="00397DDB">
              <w:br/>
              <w:t>Email:</w:t>
            </w:r>
            <w:r w:rsidRPr="00397DDB">
              <w:tab/>
              <w:t>petriuks@jssbarristers.ca</w:t>
            </w:r>
          </w:p>
          <w:p w:rsidR="00A21F2F" w:rsidRPr="00397DDB" w:rsidP="00397DDB" w14:paraId="1A36C783" w14:textId="37E0A40D">
            <w:pPr>
              <w:jc w:val="left"/>
            </w:pPr>
            <w:r w:rsidRPr="00397DDB">
              <w:rPr>
                <w:b/>
              </w:rPr>
              <w:t>PALIARE ROLA</w:t>
            </w:r>
            <w:r w:rsidRPr="00397DDB" w:rsidR="00F64AD6">
              <w:rPr>
                <w:b/>
              </w:rPr>
              <w:t>N</w:t>
            </w:r>
            <w:r w:rsidRPr="00397DDB">
              <w:rPr>
                <w:b/>
              </w:rPr>
              <w:t>D ROSENBERG ROTHSTEIN LLP</w:t>
            </w:r>
            <w:r w:rsidRPr="00397DDB">
              <w:br/>
              <w:t>155 Wellington Street West, 35</w:t>
            </w:r>
            <w:r w:rsidRPr="00397DDB">
              <w:rPr>
                <w:vertAlign w:val="superscript"/>
              </w:rPr>
              <w:t>th</w:t>
            </w:r>
            <w:r w:rsidRPr="00397DDB">
              <w:t xml:space="preserve"> Floor</w:t>
            </w:r>
            <w:r w:rsidRPr="00397DDB">
              <w:br/>
              <w:t>Toronto, ON  M5V 3H1</w:t>
            </w:r>
          </w:p>
          <w:p w:rsidR="00A21F2F" w:rsidRPr="00397DDB" w:rsidP="00397DDB" w14:paraId="34964528" w14:textId="7650BCA4">
            <w:pPr>
              <w:jc w:val="left"/>
            </w:pPr>
            <w:r w:rsidRPr="00397DDB">
              <w:rPr>
                <w:b/>
              </w:rPr>
              <w:t>Kenneth T. Rosenberg</w:t>
            </w:r>
            <w:r w:rsidRPr="00397DDB">
              <w:br/>
              <w:t>Email:</w:t>
            </w:r>
            <w:r w:rsidRPr="00397DDB">
              <w:tab/>
              <w:t>ken.rosenberg@pailareroland.com</w:t>
            </w:r>
          </w:p>
          <w:p w:rsidR="00A21F2F" w:rsidRPr="00397DDB" w:rsidP="00397DDB" w14:paraId="1261C423" w14:textId="7D5A19C7">
            <w:pPr>
              <w:jc w:val="left"/>
            </w:pPr>
            <w:r w:rsidRPr="00397DDB">
              <w:rPr>
                <w:b/>
              </w:rPr>
              <w:t>Lilly Harmer</w:t>
            </w:r>
            <w:r w:rsidRPr="00397DDB">
              <w:br/>
              <w:t>Email:</w:t>
            </w:r>
            <w:r w:rsidRPr="00397DDB">
              <w:tab/>
              <w:t>lily.harmer@paliareroland.com</w:t>
            </w:r>
          </w:p>
          <w:p w:rsidR="00A21F2F" w:rsidRPr="00397DDB" w:rsidP="00397DDB" w14:paraId="049BDA9D" w14:textId="2DF2E54E">
            <w:pPr>
              <w:jc w:val="left"/>
            </w:pPr>
            <w:r w:rsidRPr="00397DDB">
              <w:rPr>
                <w:b/>
              </w:rPr>
              <w:t>Massimo (Max) Starnino</w:t>
            </w:r>
            <w:r w:rsidRPr="00397DDB">
              <w:br/>
              <w:t>Email:</w:t>
            </w:r>
            <w:r w:rsidRPr="00397DDB">
              <w:tab/>
              <w:t>max.starnino@paliareroland.com</w:t>
            </w:r>
          </w:p>
          <w:p w:rsidR="00F07882" w:rsidRPr="00397DDB" w:rsidP="00397DDB" w14:paraId="1300F537" w14:textId="59CD59C3">
            <w:pPr>
              <w:jc w:val="left"/>
            </w:pPr>
            <w:r w:rsidRPr="00397DDB">
              <w:rPr>
                <w:b/>
                <w:bCs/>
              </w:rPr>
              <w:t>CUMING &amp; GILLESPIE</w:t>
            </w:r>
            <w:r w:rsidRPr="00397DDB">
              <w:br/>
              <w:t>4200, 825 – 8</w:t>
            </w:r>
            <w:r w:rsidRPr="00397DDB">
              <w:rPr>
                <w:vertAlign w:val="superscript"/>
              </w:rPr>
              <w:t>th</w:t>
            </w:r>
            <w:r w:rsidRPr="00397DDB">
              <w:t xml:space="preserve"> Avenue SW</w:t>
            </w:r>
            <w:r w:rsidRPr="00397DDB">
              <w:br/>
              <w:t>Calgary, AB  T2P 1G1</w:t>
            </w:r>
          </w:p>
          <w:p w:rsidR="00F07882" w:rsidRPr="00397DDB" w:rsidP="00397DDB" w14:paraId="2061D699" w14:textId="2397AB98">
            <w:pPr>
              <w:keepNext/>
              <w:jc w:val="left"/>
            </w:pPr>
            <w:r w:rsidRPr="00397DDB">
              <w:rPr>
                <w:b/>
                <w:bCs/>
              </w:rPr>
              <w:t>Laura M. Comfort</w:t>
            </w:r>
            <w:r w:rsidRPr="00397DDB">
              <w:br/>
              <w:t>Email:</w:t>
            </w:r>
            <w:r w:rsidRPr="00397DDB">
              <w:tab/>
              <w:t>laura@cglaw.ca</w:t>
            </w:r>
          </w:p>
          <w:p w:rsidR="00BE5666" w:rsidRPr="00397DDB" w:rsidP="00397DDB" w14:paraId="38EB9400" w14:textId="6DDEAF88">
            <w:pPr>
              <w:jc w:val="left"/>
            </w:pPr>
            <w:r w:rsidRPr="00397DDB">
              <w:t>Lawyers for H</w:t>
            </w:r>
            <w:r w:rsidRPr="00397DDB" w:rsidR="00D91EAE">
              <w:t>is</w:t>
            </w:r>
            <w:r w:rsidRPr="00397DDB">
              <w:t xml:space="preserve"> Majesty </w:t>
            </w:r>
            <w:r w:rsidRPr="00397DDB" w:rsidR="00A21F2F">
              <w:t xml:space="preserve">the </w:t>
            </w:r>
            <w:r w:rsidRPr="00397DDB" w:rsidR="00BC6EB3">
              <w:t>King</w:t>
            </w:r>
            <w:r w:rsidRPr="00397DDB" w:rsidR="00A21F2F">
              <w:t xml:space="preserve"> </w:t>
            </w:r>
            <w:r w:rsidRPr="00397DDB">
              <w:t>in Right of Alberta</w:t>
            </w:r>
          </w:p>
        </w:tc>
      </w:tr>
      <w:tr w14:paraId="1C8F584C" w14:textId="77777777" w:rsidTr="00397DDB">
        <w:tblPrEx>
          <w:tblW w:w="9625" w:type="dxa"/>
          <w:tblLook w:val="04A0"/>
        </w:tblPrEx>
        <w:tc>
          <w:tcPr>
            <w:tcW w:w="1525" w:type="dxa"/>
          </w:tcPr>
          <w:p w:rsidR="00F07882" w:rsidRPr="00397DDB" w:rsidP="00397DDB" w14:paraId="692D5EE1" w14:textId="51AD6355">
            <w:pPr>
              <w:jc w:val="left"/>
              <w:rPr>
                <w:b/>
                <w:caps/>
              </w:rPr>
            </w:pPr>
            <w:r w:rsidRPr="00397DDB">
              <w:rPr>
                <w:b/>
                <w:caps/>
              </w:rPr>
              <w:t>AND TO:</w:t>
            </w:r>
          </w:p>
        </w:tc>
        <w:tc>
          <w:tcPr>
            <w:tcW w:w="8100" w:type="dxa"/>
          </w:tcPr>
          <w:p w:rsidR="00F07882" w:rsidRPr="00397DDB" w:rsidP="00397DDB" w14:paraId="7BE7D9AE" w14:textId="77777777">
            <w:pPr>
              <w:jc w:val="left"/>
              <w:rPr>
                <w:bCs/>
              </w:rPr>
            </w:pPr>
            <w:r w:rsidRPr="00397DDB">
              <w:rPr>
                <w:b/>
              </w:rPr>
              <w:t>HIS MAJESTY THE KING IN RIGHT OF ALBERTA</w:t>
            </w:r>
            <w:r w:rsidRPr="00397DDB">
              <w:rPr>
                <w:bCs/>
              </w:rPr>
              <w:br/>
              <w:t>9</w:t>
            </w:r>
            <w:r w:rsidRPr="00397DDB">
              <w:rPr>
                <w:bCs/>
                <w:vertAlign w:val="superscript"/>
              </w:rPr>
              <w:t>th</w:t>
            </w:r>
            <w:r w:rsidRPr="00397DDB">
              <w:rPr>
                <w:bCs/>
              </w:rPr>
              <w:t xml:space="preserve"> Fl. Peace Hills trust Tower</w:t>
            </w:r>
            <w:r w:rsidRPr="00397DDB">
              <w:rPr>
                <w:bCs/>
              </w:rPr>
              <w:br/>
              <w:t>10011 – 109</w:t>
            </w:r>
            <w:r w:rsidRPr="00397DDB">
              <w:rPr>
                <w:bCs/>
                <w:vertAlign w:val="superscript"/>
              </w:rPr>
              <w:t>th</w:t>
            </w:r>
            <w:r w:rsidRPr="00397DDB">
              <w:rPr>
                <w:bCs/>
              </w:rPr>
              <w:t xml:space="preserve"> Street</w:t>
            </w:r>
            <w:r w:rsidRPr="00397DDB">
              <w:rPr>
                <w:bCs/>
              </w:rPr>
              <w:br/>
              <w:t>Edmonton, AB  T5J 3S8</w:t>
            </w:r>
          </w:p>
          <w:p w:rsidR="00F07882" w:rsidRPr="00397DDB" w:rsidP="00397DDB" w14:paraId="0C9DCB5D" w14:textId="046DA956">
            <w:pPr>
              <w:jc w:val="left"/>
              <w:rPr>
                <w:bCs/>
              </w:rPr>
            </w:pPr>
            <w:r w:rsidRPr="00397DDB">
              <w:rPr>
                <w:b/>
              </w:rPr>
              <w:t>Doreen Mueller</w:t>
            </w:r>
            <w:r w:rsidRPr="00397DDB">
              <w:rPr>
                <w:bCs/>
              </w:rPr>
              <w:br/>
              <w:t>Email:</w:t>
            </w:r>
            <w:r w:rsidRPr="00397DDB">
              <w:rPr>
                <w:bCs/>
              </w:rPr>
              <w:tab/>
            </w:r>
            <w:r w:rsidRPr="00397DDB" w:rsidR="00B02DB5">
              <w:rPr>
                <w:bCs/>
              </w:rPr>
              <w:t>d</w:t>
            </w:r>
            <w:r w:rsidRPr="00397DDB">
              <w:rPr>
                <w:bCs/>
              </w:rPr>
              <w:t>oreen.mueller@gov.ab.ca</w:t>
            </w:r>
          </w:p>
        </w:tc>
      </w:tr>
      <w:tr w14:paraId="7EAEF6E3" w14:textId="77777777" w:rsidTr="00397DDB">
        <w:tblPrEx>
          <w:tblW w:w="9625" w:type="dxa"/>
          <w:tblLook w:val="04A0"/>
        </w:tblPrEx>
        <w:tc>
          <w:tcPr>
            <w:tcW w:w="1525" w:type="dxa"/>
          </w:tcPr>
          <w:p w:rsidR="00997C93" w:rsidRPr="00397DDB" w:rsidP="00397DDB" w14:paraId="78B706BE" w14:textId="076431A7">
            <w:pPr>
              <w:jc w:val="left"/>
              <w:rPr>
                <w:b/>
                <w:caps/>
              </w:rPr>
            </w:pPr>
            <w:r w:rsidRPr="00397DDB">
              <w:rPr>
                <w:b/>
                <w:caps/>
              </w:rPr>
              <w:t>AND TO:</w:t>
            </w:r>
          </w:p>
        </w:tc>
        <w:tc>
          <w:tcPr>
            <w:tcW w:w="8100" w:type="dxa"/>
          </w:tcPr>
          <w:p w:rsidR="00997C93" w:rsidRPr="00397DDB" w:rsidP="00397DDB" w14:paraId="5C7210B2" w14:textId="70B082EA">
            <w:pPr>
              <w:jc w:val="left"/>
            </w:pPr>
            <w:r w:rsidRPr="00397DDB">
              <w:rPr>
                <w:b/>
              </w:rPr>
              <w:t>STEWART MCKELVEY</w:t>
            </w:r>
            <w:r w:rsidRPr="00397DDB">
              <w:br/>
            </w:r>
            <w:r w:rsidRPr="00397DDB" w:rsidR="00306D4E">
              <w:t xml:space="preserve">1741 Lower </w:t>
            </w:r>
            <w:r w:rsidRPr="00397DDB">
              <w:t xml:space="preserve">Water Street, Suite </w:t>
            </w:r>
            <w:r w:rsidRPr="00397DDB" w:rsidR="00306D4E">
              <w:t>6</w:t>
            </w:r>
            <w:r w:rsidRPr="00397DDB">
              <w:t>00</w:t>
            </w:r>
            <w:r w:rsidRPr="00397DDB">
              <w:br/>
              <w:t xml:space="preserve">Halifax, NS  B3J </w:t>
            </w:r>
            <w:r w:rsidRPr="00397DDB" w:rsidR="00306D4E">
              <w:t>0J</w:t>
            </w:r>
            <w:r w:rsidRPr="00397DDB">
              <w:t>2</w:t>
            </w:r>
            <w:r w:rsidRPr="00397DDB">
              <w:br/>
              <w:t>Fax:</w:t>
            </w:r>
            <w:r w:rsidRPr="00397DDB">
              <w:tab/>
              <w:t>902-420-1417</w:t>
            </w:r>
          </w:p>
          <w:p w:rsidR="00997C93" w:rsidRPr="00397DDB" w:rsidP="00397DDB" w14:paraId="1355D09D" w14:textId="5B73DA30">
            <w:pPr>
              <w:jc w:val="left"/>
            </w:pPr>
            <w:r w:rsidRPr="00397DDB">
              <w:rPr>
                <w:b/>
              </w:rPr>
              <w:t>David Wedlake</w:t>
            </w:r>
            <w:r w:rsidRPr="00397DDB">
              <w:br/>
              <w:t>Tel:</w:t>
            </w:r>
            <w:r w:rsidRPr="00397DDB">
              <w:tab/>
              <w:t>902-444-</w:t>
            </w:r>
            <w:r w:rsidRPr="00397DDB">
              <w:t>1705</w:t>
            </w:r>
            <w:r w:rsidRPr="00397DDB">
              <w:br/>
              <w:t>Email:</w:t>
            </w:r>
            <w:r w:rsidRPr="00397DDB">
              <w:tab/>
            </w:r>
            <w:r w:rsidRPr="00397DDB">
              <w:t>dwedlake</w:t>
            </w:r>
            <w:r w:rsidRPr="00397DDB">
              <w:t>@stewartmckelvey.com</w:t>
            </w:r>
          </w:p>
          <w:p w:rsidR="00306D4E" w:rsidRPr="00397DDB" w:rsidP="00397DDB" w14:paraId="6A7BB556" w14:textId="016C3E90">
            <w:pPr>
              <w:jc w:val="left"/>
            </w:pPr>
            <w:r w:rsidRPr="00397DDB">
              <w:rPr>
                <w:b/>
                <w:bCs/>
              </w:rPr>
              <w:t>Eryka Gregory</w:t>
            </w:r>
            <w:r w:rsidRPr="00397DDB">
              <w:br/>
              <w:t>Tel:</w:t>
            </w:r>
            <w:r w:rsidRPr="00397DDB">
              <w:tab/>
              <w:t>902-44401747</w:t>
            </w:r>
            <w:r w:rsidRPr="00397DDB">
              <w:br/>
              <w:t>Email:</w:t>
            </w:r>
            <w:r w:rsidRPr="00397DDB">
              <w:tab/>
              <w:t>egregory@stewartmckelvey.com</w:t>
            </w:r>
          </w:p>
          <w:p w:rsidR="00997C93" w:rsidRPr="00397DDB" w:rsidP="00397DDB" w14:paraId="208A8F7A" w14:textId="0686551C">
            <w:pPr>
              <w:jc w:val="left"/>
            </w:pPr>
            <w:r w:rsidRPr="00397DDB">
              <w:t>Lawyers for Sobeys Capital Incorporated</w:t>
            </w:r>
          </w:p>
        </w:tc>
      </w:tr>
      <w:tr w14:paraId="44000C93" w14:textId="77777777" w:rsidTr="00397DDB">
        <w:tblPrEx>
          <w:tblW w:w="9625" w:type="dxa"/>
          <w:tblLook w:val="04A0"/>
        </w:tblPrEx>
        <w:tc>
          <w:tcPr>
            <w:tcW w:w="1525" w:type="dxa"/>
          </w:tcPr>
          <w:p w:rsidR="001B1761" w:rsidRPr="00397DDB" w:rsidP="00397DDB" w14:paraId="1520187B" w14:textId="0C5EBC7B">
            <w:pPr>
              <w:jc w:val="left"/>
              <w:rPr>
                <w:b/>
                <w:caps/>
              </w:rPr>
            </w:pPr>
            <w:r w:rsidRPr="00397DDB">
              <w:rPr>
                <w:b/>
                <w:caps/>
              </w:rPr>
              <w:t>AND TO:</w:t>
            </w:r>
          </w:p>
        </w:tc>
        <w:tc>
          <w:tcPr>
            <w:tcW w:w="8100" w:type="dxa"/>
          </w:tcPr>
          <w:p w:rsidR="001B1761" w:rsidRPr="00397DDB" w:rsidP="00397DDB" w14:paraId="7F289EF2" w14:textId="4F714595">
            <w:pPr>
              <w:jc w:val="left"/>
            </w:pPr>
            <w:r w:rsidRPr="00397DDB">
              <w:rPr>
                <w:b/>
              </w:rPr>
              <w:t>CASSELS BROCK &amp; BLACKWELL LLP</w:t>
            </w:r>
            <w:r w:rsidRPr="00397DDB">
              <w:br/>
            </w:r>
            <w:r w:rsidRPr="00397DDB" w:rsidR="009204F5">
              <w:t>Suite 3200, Bay Adelaide Centre – North Tower</w:t>
            </w:r>
            <w:r w:rsidRPr="00397DDB" w:rsidR="009204F5">
              <w:br/>
              <w:t>40 Temperance Street</w:t>
            </w:r>
            <w:r w:rsidRPr="00397DDB">
              <w:br/>
              <w:t xml:space="preserve">Toronto, ON  M5H </w:t>
            </w:r>
            <w:r w:rsidRPr="00397DDB" w:rsidR="009204F5">
              <w:t>0B4</w:t>
            </w:r>
          </w:p>
          <w:p w:rsidR="001B1761" w:rsidRPr="00397DDB" w:rsidP="00397DDB" w14:paraId="798B3147" w14:textId="3642E1F3">
            <w:pPr>
              <w:jc w:val="left"/>
            </w:pPr>
            <w:r w:rsidRPr="00397DDB">
              <w:rPr>
                <w:b/>
              </w:rPr>
              <w:t>Shayne Kukulowicz</w:t>
            </w:r>
            <w:r w:rsidRPr="00397DDB">
              <w:br/>
              <w:t>Tel:</w:t>
            </w:r>
            <w:r w:rsidRPr="00397DDB">
              <w:tab/>
              <w:t>416-860-6463</w:t>
            </w:r>
            <w:r w:rsidRPr="00397DDB">
              <w:br/>
              <w:t>Fax:</w:t>
            </w:r>
            <w:r w:rsidRPr="00397DDB">
              <w:tab/>
              <w:t>416-640-3176</w:t>
            </w:r>
            <w:r w:rsidRPr="00397DDB">
              <w:br/>
              <w:t>Email:</w:t>
            </w:r>
            <w:r w:rsidRPr="00397DDB">
              <w:tab/>
              <w:t>skukulowicz@cassels.com</w:t>
            </w:r>
          </w:p>
          <w:p w:rsidR="001B1761" w:rsidRPr="00397DDB" w:rsidP="00397DDB" w14:paraId="00A7B887" w14:textId="4E994272">
            <w:pPr>
              <w:jc w:val="left"/>
            </w:pPr>
            <w:r w:rsidRPr="00397DDB">
              <w:rPr>
                <w:b/>
              </w:rPr>
              <w:t>Joseph Bellissimo</w:t>
            </w:r>
            <w:r w:rsidRPr="00397DDB">
              <w:br/>
              <w:t>Tel:</w:t>
            </w:r>
            <w:r w:rsidRPr="00397DDB">
              <w:tab/>
              <w:t>416-860-6572</w:t>
            </w:r>
            <w:r w:rsidRPr="00397DDB">
              <w:br/>
              <w:t>Fax:</w:t>
            </w:r>
            <w:r w:rsidRPr="00397DDB">
              <w:tab/>
              <w:t>416-642-7150</w:t>
            </w:r>
            <w:r w:rsidRPr="00397DDB">
              <w:br/>
              <w:t>Email:</w:t>
            </w:r>
            <w:r w:rsidRPr="00397DDB">
              <w:tab/>
              <w:t>jbellissimo@cassels.com</w:t>
            </w:r>
          </w:p>
          <w:p w:rsidR="001B1761" w:rsidRPr="00397DDB" w:rsidP="00397DDB" w14:paraId="6A4D2998" w14:textId="023704B4">
            <w:pPr>
              <w:jc w:val="left"/>
            </w:pPr>
            <w:r w:rsidRPr="00397DDB">
              <w:rPr>
                <w:b/>
              </w:rPr>
              <w:t>Monique Sassi</w:t>
            </w:r>
            <w:r w:rsidRPr="00397DDB">
              <w:br/>
              <w:t>Tel:</w:t>
            </w:r>
            <w:r w:rsidRPr="00397DDB">
              <w:tab/>
              <w:t>416-860-6886</w:t>
            </w:r>
            <w:r w:rsidRPr="00397DDB">
              <w:br/>
              <w:t>Fax:</w:t>
            </w:r>
            <w:r w:rsidRPr="00397DDB">
              <w:tab/>
              <w:t>416-640-3005</w:t>
            </w:r>
            <w:r w:rsidRPr="00397DDB">
              <w:br/>
              <w:t>Email:</w:t>
            </w:r>
            <w:r w:rsidRPr="00397DDB">
              <w:tab/>
              <w:t>msassi@cassels.com</w:t>
            </w:r>
          </w:p>
          <w:p w:rsidR="001B1761" w:rsidRPr="00397DDB" w:rsidP="00397DDB" w14:paraId="0B57D7D7" w14:textId="7DC8A84E">
            <w:pPr>
              <w:jc w:val="left"/>
            </w:pPr>
            <w:r w:rsidRPr="00397DDB">
              <w:t>Lawyers for Ernst &amp; Young Inc, in its capacity as court-appointed monitor of Rothmans, Benson &amp; Hedges, Inc.</w:t>
            </w:r>
          </w:p>
        </w:tc>
      </w:tr>
      <w:tr w14:paraId="0967C3A2" w14:textId="77777777" w:rsidTr="00397DDB">
        <w:tblPrEx>
          <w:tblW w:w="9625" w:type="dxa"/>
          <w:tblLook w:val="04A0"/>
        </w:tblPrEx>
        <w:tc>
          <w:tcPr>
            <w:tcW w:w="1525" w:type="dxa"/>
          </w:tcPr>
          <w:p w:rsidR="004500BB" w:rsidRPr="00397DDB" w:rsidP="00397DDB" w14:paraId="79528617" w14:textId="7E4A1B7A">
            <w:pPr>
              <w:jc w:val="left"/>
              <w:rPr>
                <w:b/>
                <w:caps/>
              </w:rPr>
            </w:pPr>
            <w:r w:rsidRPr="00397DDB">
              <w:rPr>
                <w:b/>
                <w:caps/>
              </w:rPr>
              <w:t>AND TO:</w:t>
            </w:r>
          </w:p>
        </w:tc>
        <w:tc>
          <w:tcPr>
            <w:tcW w:w="8100" w:type="dxa"/>
          </w:tcPr>
          <w:p w:rsidR="004500BB" w:rsidRPr="00397DDB" w:rsidP="00397DDB" w14:paraId="31F6CC55" w14:textId="77777777">
            <w:pPr>
              <w:jc w:val="left"/>
            </w:pPr>
            <w:r w:rsidRPr="00397DDB">
              <w:rPr>
                <w:b/>
              </w:rPr>
              <w:t>ERNST &amp; YOUNG INC.</w:t>
            </w:r>
            <w:r w:rsidRPr="00397DDB">
              <w:br/>
              <w:t>Ernst &amp; Young Tower</w:t>
            </w:r>
            <w:r w:rsidRPr="00397DDB">
              <w:br/>
              <w:t>100 Adelaide Street West</w:t>
            </w:r>
            <w:r w:rsidRPr="00397DDB">
              <w:br/>
              <w:t>P.O. Box 1</w:t>
            </w:r>
            <w:r w:rsidRPr="00397DDB">
              <w:br/>
              <w:t>Toronto, ON  M5H 0B3</w:t>
            </w:r>
          </w:p>
          <w:p w:rsidR="004500BB" w:rsidRPr="00397DDB" w:rsidP="00397DDB" w14:paraId="4AAE390B" w14:textId="4E7F8463">
            <w:pPr>
              <w:jc w:val="left"/>
            </w:pPr>
            <w:r w:rsidRPr="00397DDB">
              <w:rPr>
                <w:b/>
              </w:rPr>
              <w:t>Murray A. McDonald</w:t>
            </w:r>
            <w:r w:rsidRPr="00397DDB">
              <w:br/>
              <w:t>Tel:</w:t>
            </w:r>
            <w:r w:rsidRPr="00397DDB">
              <w:tab/>
              <w:t>416-943-3016</w:t>
            </w:r>
            <w:r w:rsidRPr="00397DDB">
              <w:br/>
              <w:t>Email:</w:t>
            </w:r>
            <w:r w:rsidRPr="00397DDB">
              <w:tab/>
              <w:t>murray.a.mcdonald@</w:t>
            </w:r>
            <w:r w:rsidRPr="00397DDB" w:rsidR="0006751C">
              <w:t>parthenon</w:t>
            </w:r>
            <w:r w:rsidRPr="00397DDB">
              <w:t>.ey.com</w:t>
            </w:r>
          </w:p>
          <w:p w:rsidR="004500BB" w:rsidRPr="00397DDB" w:rsidP="00397DDB" w14:paraId="2659A99E" w14:textId="0EF20CEB">
            <w:pPr>
              <w:jc w:val="left"/>
            </w:pPr>
            <w:r w:rsidRPr="00397DDB">
              <w:rPr>
                <w:b/>
              </w:rPr>
              <w:t>Brent Beekenkamp</w:t>
            </w:r>
            <w:r w:rsidRPr="00397DDB">
              <w:br/>
              <w:t>Tel:</w:t>
            </w:r>
            <w:r w:rsidRPr="00397DDB">
              <w:tab/>
              <w:t>416-943-2652</w:t>
            </w:r>
            <w:r w:rsidRPr="00397DDB">
              <w:br/>
              <w:t>Email:</w:t>
            </w:r>
            <w:r w:rsidRPr="00397DDB">
              <w:tab/>
              <w:t>brent.r.beekenkamp@</w:t>
            </w:r>
            <w:r w:rsidRPr="00397DDB" w:rsidR="0006751C">
              <w:t>parthenon</w:t>
            </w:r>
            <w:r w:rsidRPr="00397DDB">
              <w:t>.ey.com</w:t>
            </w:r>
          </w:p>
          <w:p w:rsidR="004500BB" w:rsidRPr="00397DDB" w:rsidP="00397DDB" w14:paraId="47C9C23A" w14:textId="64F465CB">
            <w:pPr>
              <w:jc w:val="left"/>
            </w:pPr>
            <w:r w:rsidRPr="00397DDB">
              <w:rPr>
                <w:b/>
              </w:rPr>
              <w:t>Edmund Yau</w:t>
            </w:r>
            <w:r w:rsidRPr="00397DDB">
              <w:br/>
              <w:t>Tel:</w:t>
            </w:r>
            <w:r w:rsidRPr="00397DDB">
              <w:tab/>
              <w:t>416-943-2177</w:t>
            </w:r>
            <w:r w:rsidRPr="00397DDB">
              <w:br/>
              <w:t>Email:</w:t>
            </w:r>
            <w:r w:rsidRPr="00397DDB">
              <w:tab/>
              <w:t>edmund.yau@</w:t>
            </w:r>
            <w:r w:rsidRPr="00397DDB" w:rsidR="0006751C">
              <w:t>parthenon</w:t>
            </w:r>
            <w:r w:rsidRPr="00397DDB">
              <w:t>.ey.com</w:t>
            </w:r>
          </w:p>
          <w:p w:rsidR="00EE61C2" w:rsidRPr="00397DDB" w:rsidP="00397DDB" w14:paraId="5792BF0A" w14:textId="238CA075">
            <w:pPr>
              <w:jc w:val="left"/>
            </w:pPr>
            <w:r w:rsidRPr="00397DDB">
              <w:rPr>
                <w:b/>
              </w:rPr>
              <w:t>Matt Kaplan</w:t>
            </w:r>
            <w:r w:rsidRPr="00397DDB">
              <w:br/>
              <w:t>Tel:</w:t>
            </w:r>
            <w:r w:rsidRPr="00397DDB">
              <w:tab/>
              <w:t>416-932-6155</w:t>
            </w:r>
            <w:r w:rsidRPr="00397DDB">
              <w:br/>
              <w:t>Email:</w:t>
            </w:r>
            <w:r w:rsidRPr="00397DDB">
              <w:tab/>
              <w:t>matt.kaplan@</w:t>
            </w:r>
            <w:r w:rsidRPr="00397DDB" w:rsidR="0006751C">
              <w:t>parthenon</w:t>
            </w:r>
            <w:r w:rsidRPr="00397DDB">
              <w:t xml:space="preserve">.ey.com </w:t>
            </w:r>
          </w:p>
          <w:p w:rsidR="004500BB" w:rsidRPr="00397DDB" w:rsidP="00397DDB" w14:paraId="6DEF1E3C" w14:textId="63A40C22">
            <w:pPr>
              <w:jc w:val="left"/>
            </w:pPr>
            <w:r w:rsidRPr="00397DDB">
              <w:t>Monitor of Rothmans, Benson &amp; Hedges, Inc.</w:t>
            </w:r>
          </w:p>
        </w:tc>
      </w:tr>
      <w:tr w14:paraId="4A3C8F87" w14:textId="77777777" w:rsidTr="00397DDB">
        <w:tblPrEx>
          <w:tblW w:w="9625" w:type="dxa"/>
          <w:tblLook w:val="04A0"/>
        </w:tblPrEx>
        <w:tc>
          <w:tcPr>
            <w:tcW w:w="1525" w:type="dxa"/>
          </w:tcPr>
          <w:p w:rsidR="00663BD5" w:rsidRPr="00397DDB" w:rsidP="00397DDB" w14:paraId="7E90D520" w14:textId="7A3468A6">
            <w:pPr>
              <w:jc w:val="left"/>
              <w:rPr>
                <w:b/>
                <w:caps/>
              </w:rPr>
            </w:pPr>
            <w:r w:rsidRPr="00397DDB">
              <w:rPr>
                <w:b/>
                <w:caps/>
              </w:rPr>
              <w:t>AND TO:</w:t>
            </w:r>
          </w:p>
        </w:tc>
        <w:tc>
          <w:tcPr>
            <w:tcW w:w="8100" w:type="dxa"/>
          </w:tcPr>
          <w:p w:rsidR="00663BD5" w:rsidRPr="00397DDB" w:rsidP="00397DDB" w14:paraId="6F3B8331" w14:textId="77777777">
            <w:pPr>
              <w:jc w:val="left"/>
            </w:pPr>
            <w:r w:rsidRPr="00397DDB">
              <w:rPr>
                <w:b/>
              </w:rPr>
              <w:t>GOWLING WLG (CANADA) LLP</w:t>
            </w:r>
            <w:r w:rsidRPr="00397DDB">
              <w:br/>
              <w:t>1 First Canadian Place</w:t>
            </w:r>
            <w:r w:rsidRPr="00397DDB">
              <w:br/>
              <w:t>100 King Street West, Suite 1600</w:t>
            </w:r>
            <w:r w:rsidRPr="00397DDB">
              <w:br/>
              <w:t>Toronto, ON  M5X 1G5</w:t>
            </w:r>
            <w:r w:rsidRPr="00397DDB">
              <w:br/>
              <w:t>Fax:</w:t>
            </w:r>
            <w:r w:rsidRPr="00397DDB">
              <w:tab/>
              <w:t>416-862-7661</w:t>
            </w:r>
          </w:p>
          <w:p w:rsidR="00663BD5" w:rsidRPr="00397DDB" w:rsidP="00397DDB" w14:paraId="70077423" w14:textId="526045CB">
            <w:pPr>
              <w:jc w:val="left"/>
            </w:pPr>
            <w:r w:rsidRPr="00397DDB">
              <w:rPr>
                <w:b/>
              </w:rPr>
              <w:t>Clifton Prophet</w:t>
            </w:r>
            <w:r w:rsidRPr="00397DDB">
              <w:br/>
              <w:t>Tel:</w:t>
            </w:r>
            <w:r w:rsidRPr="00397DDB">
              <w:tab/>
              <w:t>416-862-3509</w:t>
            </w:r>
            <w:r w:rsidRPr="00397DDB">
              <w:br/>
              <w:t>Email:</w:t>
            </w:r>
            <w:r w:rsidRPr="00397DDB">
              <w:tab/>
              <w:t>clifton.prophet@gowlingwlg.com</w:t>
            </w:r>
          </w:p>
          <w:p w:rsidR="005468E9" w:rsidRPr="00397DDB" w:rsidP="00397DDB" w14:paraId="212E713B" w14:textId="77777777">
            <w:pPr>
              <w:jc w:val="left"/>
            </w:pPr>
            <w:r w:rsidRPr="00397DDB">
              <w:rPr>
                <w:b/>
              </w:rPr>
              <w:t>Steven Sofer</w:t>
            </w:r>
            <w:r w:rsidRPr="00397DDB">
              <w:br/>
              <w:t>Tel:</w:t>
            </w:r>
            <w:r w:rsidRPr="00397DDB">
              <w:tab/>
              <w:t>416-369-7240</w:t>
            </w:r>
            <w:r w:rsidRPr="00397DDB">
              <w:br/>
              <w:t>Email:</w:t>
            </w:r>
            <w:r w:rsidRPr="00397DDB">
              <w:tab/>
              <w:t>steven.sofer@gowlingwlg.com</w:t>
            </w:r>
          </w:p>
          <w:p w:rsidR="00663BD5" w:rsidRPr="00397DDB" w:rsidP="00397DDB" w14:paraId="3781C691" w14:textId="57B44B57">
            <w:pPr>
              <w:jc w:val="left"/>
            </w:pPr>
            <w:r w:rsidRPr="00397DDB">
              <w:rPr>
                <w:b/>
              </w:rPr>
              <w:t>Nicholas Kluge</w:t>
            </w:r>
            <w:r w:rsidRPr="00397DDB">
              <w:t xml:space="preserve"> </w:t>
            </w:r>
            <w:r w:rsidRPr="00397DDB">
              <w:br/>
              <w:t>Tel:</w:t>
            </w:r>
            <w:r w:rsidRPr="00397DDB">
              <w:tab/>
              <w:t>416-369-</w:t>
            </w:r>
            <w:r w:rsidRPr="00397DDB">
              <w:t>4610</w:t>
            </w:r>
            <w:r w:rsidRPr="00397DDB">
              <w:br/>
              <w:t>Email:</w:t>
            </w:r>
            <w:r w:rsidRPr="00397DDB">
              <w:tab/>
            </w:r>
            <w:r w:rsidRPr="00397DDB">
              <w:t>nicholas.kluge</w:t>
            </w:r>
            <w:r w:rsidRPr="00397DDB">
              <w:t>@gowlingwlg.com</w:t>
            </w:r>
          </w:p>
          <w:p w:rsidR="00663BD5" w:rsidRPr="00397DDB" w:rsidP="00397DDB" w14:paraId="154D1C1F" w14:textId="17B33FF9">
            <w:pPr>
              <w:jc w:val="left"/>
            </w:pPr>
            <w:r w:rsidRPr="00397DDB">
              <w:t>Lawyers for Philip Morris International Inc.</w:t>
            </w:r>
          </w:p>
        </w:tc>
      </w:tr>
      <w:tr w14:paraId="39CD1EA9" w14:textId="77777777" w:rsidTr="00397DDB">
        <w:tblPrEx>
          <w:tblW w:w="9625" w:type="dxa"/>
          <w:tblLook w:val="04A0"/>
        </w:tblPrEx>
        <w:tc>
          <w:tcPr>
            <w:tcW w:w="1525" w:type="dxa"/>
          </w:tcPr>
          <w:p w:rsidR="0040095E" w:rsidRPr="00397DDB" w:rsidP="00397DDB" w14:paraId="25E8546D" w14:textId="1DABA1B2">
            <w:pPr>
              <w:jc w:val="left"/>
              <w:rPr>
                <w:b/>
                <w:caps/>
              </w:rPr>
            </w:pPr>
            <w:r w:rsidRPr="00397DDB">
              <w:rPr>
                <w:b/>
                <w:caps/>
              </w:rPr>
              <w:t>AND TO:</w:t>
            </w:r>
          </w:p>
        </w:tc>
        <w:tc>
          <w:tcPr>
            <w:tcW w:w="8100" w:type="dxa"/>
          </w:tcPr>
          <w:p w:rsidR="0040095E" w:rsidRPr="00397DDB" w:rsidP="00397DDB" w14:paraId="2A625529" w14:textId="3BA30734">
            <w:pPr>
              <w:jc w:val="left"/>
            </w:pPr>
            <w:r w:rsidRPr="00397DDB">
              <w:rPr>
                <w:b/>
              </w:rPr>
              <w:t>PALIARE ROLA</w:t>
            </w:r>
            <w:r w:rsidRPr="00397DDB" w:rsidR="00EF0501">
              <w:rPr>
                <w:b/>
              </w:rPr>
              <w:t>N</w:t>
            </w:r>
            <w:r w:rsidRPr="00397DDB">
              <w:rPr>
                <w:b/>
              </w:rPr>
              <w:t>D ROSENBERG ROTHSTEIN LLP</w:t>
            </w:r>
            <w:r w:rsidRPr="00397DDB">
              <w:br/>
              <w:t>155 Wellington Street West, 35</w:t>
            </w:r>
            <w:r w:rsidRPr="00397DDB">
              <w:rPr>
                <w:vertAlign w:val="superscript"/>
              </w:rPr>
              <w:t>th</w:t>
            </w:r>
            <w:r w:rsidRPr="00397DDB">
              <w:t xml:space="preserve"> Floor</w:t>
            </w:r>
            <w:r w:rsidRPr="00397DDB">
              <w:br/>
              <w:t>Toronto, ON  M5V 3H1</w:t>
            </w:r>
          </w:p>
          <w:p w:rsidR="0040095E" w:rsidRPr="00397DDB" w:rsidP="00397DDB" w14:paraId="1969C6C9" w14:textId="77777777">
            <w:pPr>
              <w:jc w:val="left"/>
            </w:pPr>
            <w:r w:rsidRPr="00397DDB">
              <w:rPr>
                <w:b/>
              </w:rPr>
              <w:t>Kenneth T. Rosenberg</w:t>
            </w:r>
            <w:r w:rsidRPr="00397DDB">
              <w:br/>
              <w:t>Email:</w:t>
            </w:r>
            <w:r w:rsidRPr="00397DDB">
              <w:tab/>
              <w:t>ken.rosenberg@pailareroland.com</w:t>
            </w:r>
          </w:p>
          <w:p w:rsidR="0040095E" w:rsidRPr="00397DDB" w:rsidP="00397DDB" w14:paraId="09FBCC0A" w14:textId="77777777">
            <w:pPr>
              <w:jc w:val="left"/>
            </w:pPr>
            <w:r w:rsidRPr="00397DDB">
              <w:rPr>
                <w:b/>
              </w:rPr>
              <w:t>Lilly Harmer</w:t>
            </w:r>
            <w:r w:rsidRPr="00397DDB">
              <w:br/>
              <w:t>Email:</w:t>
            </w:r>
            <w:r w:rsidRPr="00397DDB">
              <w:tab/>
              <w:t>lily.harmer@paliareroland.com</w:t>
            </w:r>
          </w:p>
          <w:p w:rsidR="0040095E" w:rsidRPr="00397DDB" w:rsidP="00397DDB" w14:paraId="1BCF45E5" w14:textId="77777777">
            <w:pPr>
              <w:jc w:val="left"/>
            </w:pPr>
            <w:r w:rsidRPr="00397DDB">
              <w:rPr>
                <w:b/>
              </w:rPr>
              <w:t>Massimo (Max) Starnino</w:t>
            </w:r>
            <w:r w:rsidRPr="00397DDB">
              <w:br/>
              <w:t>Email:</w:t>
            </w:r>
            <w:r w:rsidRPr="00397DDB">
              <w:tab/>
              <w:t>max.starnino@paliareroland.com</w:t>
            </w:r>
          </w:p>
          <w:p w:rsidR="0040095E" w:rsidRPr="00397DDB" w:rsidP="00397DDB" w14:paraId="6A440E9E" w14:textId="16FFAF0C">
            <w:pPr>
              <w:jc w:val="left"/>
            </w:pPr>
            <w:r w:rsidRPr="00397DDB">
              <w:rPr>
                <w:b/>
              </w:rPr>
              <w:t>ROEBOTHAN MCKAY MARSHALL</w:t>
            </w:r>
            <w:r w:rsidRPr="00397DDB">
              <w:br/>
              <w:t>Paramount Building</w:t>
            </w:r>
            <w:r w:rsidRPr="00397DDB">
              <w:br/>
              <w:t>3</w:t>
            </w:r>
            <w:r w:rsidRPr="00397DDB" w:rsidR="00E02C95">
              <w:t>4</w:t>
            </w:r>
            <w:r w:rsidRPr="00397DDB">
              <w:t xml:space="preserve"> Harvey Road, 5</w:t>
            </w:r>
            <w:r w:rsidRPr="00397DDB">
              <w:rPr>
                <w:vertAlign w:val="superscript"/>
              </w:rPr>
              <w:t>th</w:t>
            </w:r>
            <w:r w:rsidRPr="00397DDB">
              <w:t xml:space="preserve"> Floor</w:t>
            </w:r>
            <w:r w:rsidRPr="00397DDB">
              <w:br/>
              <w:t>St. John’s NL  A1C 3Y7</w:t>
            </w:r>
            <w:r w:rsidRPr="00397DDB">
              <w:br/>
              <w:t>Fax:</w:t>
            </w:r>
            <w:r w:rsidRPr="00397DDB">
              <w:tab/>
              <w:t>709-753-5221</w:t>
            </w:r>
          </w:p>
          <w:p w:rsidR="0040095E" w:rsidRPr="00397DDB" w:rsidP="00397DDB" w14:paraId="3196D963" w14:textId="77777777">
            <w:pPr>
              <w:jc w:val="left"/>
            </w:pPr>
            <w:r w:rsidRPr="00397DDB">
              <w:rPr>
                <w:b/>
              </w:rPr>
              <w:t>Glenda Best</w:t>
            </w:r>
            <w:r w:rsidRPr="00397DDB">
              <w:br/>
              <w:t>Tel:</w:t>
            </w:r>
            <w:r w:rsidRPr="00397DDB">
              <w:tab/>
              <w:t>705-576-2255</w:t>
            </w:r>
            <w:r w:rsidRPr="00397DDB">
              <w:br/>
              <w:t>Email:</w:t>
            </w:r>
            <w:r w:rsidRPr="00397DDB">
              <w:tab/>
              <w:t>gbest@wrmmlaw.com</w:t>
            </w:r>
          </w:p>
          <w:p w:rsidR="00C348F2" w:rsidRPr="00397DDB" w:rsidP="00397DDB" w14:paraId="397CE154" w14:textId="572C903A">
            <w:pPr>
              <w:jc w:val="left"/>
            </w:pPr>
            <w:r w:rsidRPr="00397DDB">
              <w:rPr>
                <w:b/>
                <w:bCs/>
              </w:rPr>
              <w:t>HUMPHREY FARRINGTON McCLAIN, P.C.</w:t>
            </w:r>
            <w:r w:rsidRPr="00397DDB">
              <w:br/>
              <w:t>221 West Lexington, Suite 400</w:t>
            </w:r>
            <w:r w:rsidRPr="00397DDB">
              <w:br/>
              <w:t>Independence, MO  64050</w:t>
            </w:r>
          </w:p>
          <w:p w:rsidR="00274ED8" w:rsidRPr="00397DDB" w:rsidP="00397DDB" w14:paraId="6DBA8394" w14:textId="70F65962">
            <w:pPr>
              <w:jc w:val="left"/>
            </w:pPr>
            <w:r w:rsidRPr="00397DDB">
              <w:rPr>
                <w:b/>
                <w:bCs/>
              </w:rPr>
              <w:t>Kenneth B. McClain</w:t>
            </w:r>
            <w:r w:rsidRPr="00397DDB">
              <w:br/>
              <w:t>Tel:</w:t>
            </w:r>
            <w:r w:rsidRPr="00397DDB">
              <w:tab/>
              <w:t>816-836-5050</w:t>
            </w:r>
            <w:r w:rsidRPr="00397DDB">
              <w:br/>
              <w:t>Email:</w:t>
            </w:r>
            <w:r w:rsidRPr="00397DDB">
              <w:tab/>
              <w:t>kbm@hfmlegal.com</w:t>
            </w:r>
          </w:p>
          <w:p w:rsidR="0040095E" w:rsidRPr="00397DDB" w:rsidP="00397DDB" w14:paraId="5CFB8FEB" w14:textId="7BF3226E">
            <w:pPr>
              <w:jc w:val="left"/>
            </w:pPr>
            <w:r w:rsidRPr="00397DDB">
              <w:t>Lawyers for H</w:t>
            </w:r>
            <w:r w:rsidRPr="00397DDB" w:rsidR="00D91EAE">
              <w:t>is</w:t>
            </w:r>
            <w:r w:rsidRPr="00397DDB">
              <w:t xml:space="preserve"> Majesty the </w:t>
            </w:r>
            <w:r w:rsidRPr="00397DDB" w:rsidR="00BC6EB3">
              <w:t>King</w:t>
            </w:r>
            <w:r w:rsidRPr="00397DDB">
              <w:t xml:space="preserve"> in Right of Newfoundland</w:t>
            </w:r>
          </w:p>
        </w:tc>
      </w:tr>
      <w:tr w14:paraId="1D810EA5" w14:textId="77777777" w:rsidTr="00397DDB">
        <w:tblPrEx>
          <w:tblW w:w="9625" w:type="dxa"/>
          <w:tblLook w:val="04A0"/>
        </w:tblPrEx>
        <w:tc>
          <w:tcPr>
            <w:tcW w:w="1525" w:type="dxa"/>
          </w:tcPr>
          <w:p w:rsidR="006F509B" w:rsidRPr="00397DDB" w:rsidP="00397DDB" w14:paraId="7202CA6E" w14:textId="5707E050">
            <w:pPr>
              <w:jc w:val="left"/>
              <w:rPr>
                <w:b/>
                <w:caps/>
              </w:rPr>
            </w:pPr>
            <w:r w:rsidRPr="00397DDB">
              <w:rPr>
                <w:b/>
                <w:caps/>
              </w:rPr>
              <w:t>AND TO:</w:t>
            </w:r>
          </w:p>
        </w:tc>
        <w:tc>
          <w:tcPr>
            <w:tcW w:w="8100" w:type="dxa"/>
          </w:tcPr>
          <w:p w:rsidR="006F509B" w:rsidRPr="00397DDB" w:rsidP="00397DDB" w14:paraId="3F2FF680" w14:textId="1F1D254D">
            <w:pPr>
              <w:jc w:val="left"/>
            </w:pPr>
            <w:r w:rsidRPr="00397DDB">
              <w:rPr>
                <w:b/>
              </w:rPr>
              <w:t>WESTROCK</w:t>
            </w:r>
            <w:r w:rsidRPr="00397DDB" w:rsidR="008F7978">
              <w:rPr>
                <w:b/>
              </w:rPr>
              <w:t xml:space="preserve"> COMPANY OF CANADA CORP.</w:t>
            </w:r>
            <w:r w:rsidRPr="00397DDB">
              <w:br/>
              <w:t xml:space="preserve">15400 Sherbrooke </w:t>
            </w:r>
            <w:r w:rsidRPr="00397DDB" w:rsidR="008F7978">
              <w:t xml:space="preserve">Street </w:t>
            </w:r>
            <w:r w:rsidRPr="00397DDB">
              <w:t>E</w:t>
            </w:r>
            <w:r w:rsidRPr="00397DDB" w:rsidR="008F7978">
              <w:t>a</w:t>
            </w:r>
            <w:r w:rsidRPr="00397DDB">
              <w:t>st</w:t>
            </w:r>
            <w:r w:rsidRPr="00397DDB">
              <w:br/>
              <w:t xml:space="preserve">Montreal, </w:t>
            </w:r>
            <w:r w:rsidRPr="00397DDB" w:rsidR="003D78A2">
              <w:t>QC</w:t>
            </w:r>
            <w:r w:rsidRPr="00397DDB">
              <w:t xml:space="preserve">  H1A 3S2</w:t>
            </w:r>
          </w:p>
          <w:p w:rsidR="006F509B" w:rsidRPr="00397DDB" w:rsidP="00397DDB" w14:paraId="701CD76B" w14:textId="5020EA22">
            <w:pPr>
              <w:jc w:val="left"/>
            </w:pPr>
            <w:r w:rsidRPr="00397DDB">
              <w:rPr>
                <w:b/>
              </w:rPr>
              <w:t>Dean Jones</w:t>
            </w:r>
            <w:r w:rsidRPr="00397DDB">
              <w:br/>
              <w:t>Tel:</w:t>
            </w:r>
            <w:r w:rsidRPr="00397DDB">
              <w:tab/>
              <w:t>514-642-9251</w:t>
            </w:r>
            <w:r w:rsidRPr="00397DDB">
              <w:br/>
              <w:t>Email:</w:t>
            </w:r>
            <w:r w:rsidRPr="00397DDB">
              <w:tab/>
              <w:t>dean.jones@westrock.com</w:t>
            </w:r>
          </w:p>
        </w:tc>
      </w:tr>
      <w:tr w14:paraId="40A293D5" w14:textId="77777777" w:rsidTr="00397DDB">
        <w:tblPrEx>
          <w:tblW w:w="9625" w:type="dxa"/>
          <w:tblLook w:val="04A0"/>
        </w:tblPrEx>
        <w:tc>
          <w:tcPr>
            <w:tcW w:w="1525" w:type="dxa"/>
          </w:tcPr>
          <w:p w:rsidR="00436CE6" w:rsidRPr="00397DDB" w:rsidP="00397DDB" w14:paraId="439E7B9E" w14:textId="3E9E737C">
            <w:pPr>
              <w:jc w:val="left"/>
              <w:rPr>
                <w:b/>
                <w:caps/>
              </w:rPr>
            </w:pPr>
            <w:r w:rsidRPr="00397DDB">
              <w:rPr>
                <w:b/>
                <w:caps/>
              </w:rPr>
              <w:t>AND TO</w:t>
            </w:r>
          </w:p>
        </w:tc>
        <w:tc>
          <w:tcPr>
            <w:tcW w:w="8100" w:type="dxa"/>
          </w:tcPr>
          <w:p w:rsidR="00436CE6" w:rsidRPr="00397DDB" w:rsidP="00397DDB" w14:paraId="38AA21AF" w14:textId="12E36D19">
            <w:pPr>
              <w:jc w:val="left"/>
            </w:pPr>
            <w:bookmarkStart w:id="1" w:name="_Hlk112757588"/>
            <w:r w:rsidRPr="00397DDB">
              <w:rPr>
                <w:b/>
                <w:bCs/>
              </w:rPr>
              <w:t>FINANCIAL SERVICES REGULATORY AUTHORITY OF ONTARIO (FSRA)</w:t>
            </w:r>
            <w:r w:rsidRPr="00397DDB">
              <w:br/>
            </w:r>
            <w:r w:rsidRPr="00397DDB">
              <w:rPr>
                <w:bCs/>
              </w:rPr>
              <w:t>Legal and Enforcement Division</w:t>
            </w:r>
            <w:r w:rsidRPr="00397DDB">
              <w:br/>
              <w:t>25 Sheppard Avenue West, Suite 100</w:t>
            </w:r>
            <w:r w:rsidRPr="00397DDB">
              <w:br/>
              <w:t>Toronto, Ontario  M2N 6S6</w:t>
            </w:r>
          </w:p>
          <w:p w:rsidR="00436CE6" w:rsidRPr="00397DDB" w:rsidP="00397DDB" w14:paraId="31F9363D" w14:textId="1E28F271">
            <w:pPr>
              <w:jc w:val="left"/>
            </w:pPr>
            <w:r w:rsidRPr="00397DDB">
              <w:rPr>
                <w:b/>
              </w:rPr>
              <w:t>Michael Spagnolo</w:t>
            </w:r>
            <w:r w:rsidRPr="00397DDB" w:rsidR="007341DE">
              <w:rPr>
                <w:bCs/>
              </w:rPr>
              <w:br/>
              <w:t>Legal Counsel</w:t>
            </w:r>
            <w:r w:rsidRPr="00397DDB" w:rsidR="007341DE">
              <w:rPr>
                <w:bCs/>
              </w:rPr>
              <w:br/>
            </w:r>
            <w:r w:rsidRPr="00397DDB">
              <w:t xml:space="preserve">Tel: </w:t>
            </w:r>
            <w:r w:rsidRPr="00397DDB">
              <w:tab/>
            </w:r>
            <w:r w:rsidRPr="00397DDB">
              <w:t>647-801-8921</w:t>
            </w:r>
            <w:r w:rsidRPr="00397DDB">
              <w:br/>
              <w:t>Email:</w:t>
            </w:r>
            <w:r w:rsidRPr="00397DDB">
              <w:tab/>
            </w:r>
            <w:r w:rsidRPr="00397DDB">
              <w:t>michael.spagnolo</w:t>
            </w:r>
            <w:r w:rsidRPr="00397DDB" w:rsidR="00A35A66">
              <w:t>@fsrao.ca</w:t>
            </w:r>
            <w:bookmarkEnd w:id="1"/>
          </w:p>
        </w:tc>
      </w:tr>
      <w:tr w14:paraId="38EA090B" w14:textId="77777777" w:rsidTr="00397DDB">
        <w:tblPrEx>
          <w:tblW w:w="9625" w:type="dxa"/>
          <w:tblLook w:val="04A0"/>
        </w:tblPrEx>
        <w:tc>
          <w:tcPr>
            <w:tcW w:w="1525" w:type="dxa"/>
          </w:tcPr>
          <w:p w:rsidR="00CA0F11" w:rsidRPr="00397DDB" w:rsidP="00397DDB" w14:paraId="79281D9B" w14:textId="04188526">
            <w:pPr>
              <w:jc w:val="left"/>
              <w:rPr>
                <w:b/>
              </w:rPr>
            </w:pPr>
            <w:r w:rsidRPr="00397DDB">
              <w:rPr>
                <w:b/>
              </w:rPr>
              <w:t>AND TO:</w:t>
            </w:r>
          </w:p>
        </w:tc>
        <w:tc>
          <w:tcPr>
            <w:tcW w:w="8100" w:type="dxa"/>
          </w:tcPr>
          <w:p w:rsidR="00CA0F11" w:rsidRPr="00397DDB" w:rsidP="00397DDB" w14:paraId="49F8A271" w14:textId="77777777">
            <w:pPr>
              <w:jc w:val="left"/>
            </w:pPr>
            <w:r w:rsidRPr="00397DDB">
              <w:rPr>
                <w:b/>
              </w:rPr>
              <w:t>KAPLAN LAW</w:t>
            </w:r>
            <w:r w:rsidRPr="00397DDB">
              <w:br/>
              <w:t>393 University Avenue, Suite 2000</w:t>
            </w:r>
            <w:r w:rsidRPr="00397DDB">
              <w:br/>
              <w:t>Toronto, ON  M5G 1E6</w:t>
            </w:r>
          </w:p>
          <w:p w:rsidR="00B66E7E" w:rsidRPr="00397DDB" w:rsidP="00397DDB" w14:paraId="6018F48F" w14:textId="77777777">
            <w:pPr>
              <w:jc w:val="left"/>
            </w:pPr>
            <w:r w:rsidRPr="00397DDB">
              <w:rPr>
                <w:b/>
              </w:rPr>
              <w:t>Ari Kaplan</w:t>
            </w:r>
            <w:r w:rsidRPr="00397DDB">
              <w:br/>
              <w:t>Tel:</w:t>
            </w:r>
            <w:r w:rsidRPr="00397DDB">
              <w:tab/>
              <w:t>416-565-4656</w:t>
            </w:r>
            <w:r w:rsidRPr="00397DDB">
              <w:br/>
              <w:t>Email:</w:t>
            </w:r>
            <w:r w:rsidRPr="00397DDB">
              <w:tab/>
              <w:t>ari@kaplanlaw.ca</w:t>
            </w:r>
          </w:p>
          <w:p w:rsidR="00B66E7E" w:rsidRPr="00397DDB" w:rsidP="00397DDB" w14:paraId="1304C443" w14:textId="1D5B52EF">
            <w:pPr>
              <w:jc w:val="left"/>
            </w:pPr>
            <w:r w:rsidRPr="00397DDB">
              <w:t xml:space="preserve">Counsel to the Former Genstar U.S. Retiree Group Committee </w:t>
            </w:r>
          </w:p>
        </w:tc>
      </w:tr>
      <w:tr w14:paraId="757601C5" w14:textId="77777777" w:rsidTr="00397DDB">
        <w:tblPrEx>
          <w:tblW w:w="9625" w:type="dxa"/>
          <w:tblLook w:val="04A0"/>
        </w:tblPrEx>
        <w:tc>
          <w:tcPr>
            <w:tcW w:w="1525" w:type="dxa"/>
          </w:tcPr>
          <w:p w:rsidR="00CA0F11" w:rsidRPr="00397DDB" w:rsidP="00397DDB" w14:paraId="69D33F9E" w14:textId="1E6D5192">
            <w:pPr>
              <w:jc w:val="left"/>
              <w:rPr>
                <w:b/>
              </w:rPr>
            </w:pPr>
            <w:r w:rsidRPr="00397DDB">
              <w:rPr>
                <w:b/>
              </w:rPr>
              <w:t>AND TO:</w:t>
            </w:r>
          </w:p>
        </w:tc>
        <w:tc>
          <w:tcPr>
            <w:tcW w:w="8100" w:type="dxa"/>
          </w:tcPr>
          <w:p w:rsidR="00CA0F11" w:rsidRPr="00397DDB" w:rsidP="00397DDB" w14:paraId="3AE6CE1E" w14:textId="06B5C6DC">
            <w:pPr>
              <w:jc w:val="left"/>
            </w:pPr>
            <w:r w:rsidRPr="00397DDB">
              <w:rPr>
                <w:b/>
              </w:rPr>
              <w:t>M</w:t>
            </w:r>
            <w:r w:rsidRPr="00397DDB" w:rsidR="00A95B26">
              <w:rPr>
                <w:b/>
              </w:rPr>
              <w:t>c</w:t>
            </w:r>
            <w:r w:rsidRPr="00397DDB">
              <w:rPr>
                <w:b/>
              </w:rPr>
              <w:t>MILLAN LLP</w:t>
            </w:r>
            <w:r w:rsidRPr="00397DDB">
              <w:br/>
              <w:t>Brookfi</w:t>
            </w:r>
            <w:r w:rsidRPr="00397DDB" w:rsidR="00F324D0">
              <w:t>e</w:t>
            </w:r>
            <w:r w:rsidRPr="00397DDB">
              <w:t>ld Place</w:t>
            </w:r>
            <w:r w:rsidRPr="00397DDB">
              <w:br/>
              <w:t>181 Bay Street, Suite 4400</w:t>
            </w:r>
            <w:r w:rsidRPr="00397DDB">
              <w:br/>
              <w:t>Toronto, ON  M5J 2T3</w:t>
            </w:r>
          </w:p>
          <w:p w:rsidR="00D04DAC" w:rsidRPr="00397DDB" w:rsidP="00397DDB" w14:paraId="076FF5EB" w14:textId="77777777">
            <w:pPr>
              <w:jc w:val="left"/>
            </w:pPr>
            <w:r w:rsidRPr="00397DDB">
              <w:rPr>
                <w:b/>
              </w:rPr>
              <w:t>Wael Rostom</w:t>
            </w:r>
            <w:r w:rsidRPr="00397DDB">
              <w:br/>
              <w:t>Tel:</w:t>
            </w:r>
            <w:r w:rsidRPr="00397DDB">
              <w:tab/>
              <w:t>416-865-7790</w:t>
            </w:r>
            <w:r w:rsidRPr="00397DDB">
              <w:br/>
              <w:t>Email:</w:t>
            </w:r>
            <w:r w:rsidRPr="00397DDB">
              <w:tab/>
              <w:t>wael.rostom@mcmillan.ca</w:t>
            </w:r>
          </w:p>
          <w:p w:rsidR="00B66E7E" w:rsidRPr="00397DDB" w:rsidP="00397DDB" w14:paraId="33E2861D" w14:textId="61466E20">
            <w:pPr>
              <w:jc w:val="left"/>
            </w:pPr>
            <w:r w:rsidRPr="00397DDB">
              <w:rPr>
                <w:b/>
              </w:rPr>
              <w:t>Emile Catimel-Marchand</w:t>
            </w:r>
            <w:r w:rsidRPr="00397DDB">
              <w:br/>
              <w:t>Tel:</w:t>
            </w:r>
            <w:r w:rsidRPr="00397DDB">
              <w:tab/>
            </w:r>
            <w:r w:rsidRPr="00397DDB">
              <w:t>514-987-5031</w:t>
            </w:r>
            <w:r w:rsidRPr="00397DDB">
              <w:br/>
              <w:t>Email:</w:t>
            </w:r>
            <w:r w:rsidRPr="00397DDB">
              <w:tab/>
            </w:r>
            <w:r w:rsidRPr="00397DDB" w:rsidR="006A3695">
              <w:t>emile.</w:t>
            </w:r>
            <w:r w:rsidRPr="00397DDB">
              <w:t>catimel-marchand@mcmillan.ca</w:t>
            </w:r>
          </w:p>
          <w:p w:rsidR="00B66E7E" w:rsidRPr="00397DDB" w:rsidP="00397DDB" w14:paraId="683C898E" w14:textId="10ED2A80">
            <w:pPr>
              <w:jc w:val="left"/>
            </w:pPr>
            <w:r w:rsidRPr="00397DDB">
              <w:t xml:space="preserve">Lawyers for The Bank of Nova Scotia </w:t>
            </w:r>
          </w:p>
        </w:tc>
      </w:tr>
      <w:tr w14:paraId="3E9E0249" w14:textId="77777777" w:rsidTr="00397DDB">
        <w:tblPrEx>
          <w:tblW w:w="9625" w:type="dxa"/>
          <w:tblLook w:val="04A0"/>
        </w:tblPrEx>
        <w:tc>
          <w:tcPr>
            <w:tcW w:w="1525" w:type="dxa"/>
          </w:tcPr>
          <w:p w:rsidR="00744541" w:rsidRPr="00397DDB" w:rsidP="00397DDB" w14:paraId="213B71E5" w14:textId="31EFDFF8">
            <w:pPr>
              <w:jc w:val="left"/>
              <w:rPr>
                <w:b/>
                <w:caps/>
              </w:rPr>
            </w:pPr>
            <w:r w:rsidRPr="00397DDB">
              <w:rPr>
                <w:b/>
                <w:caps/>
              </w:rPr>
              <w:t>AND TO</w:t>
            </w:r>
          </w:p>
        </w:tc>
        <w:tc>
          <w:tcPr>
            <w:tcW w:w="8100" w:type="dxa"/>
          </w:tcPr>
          <w:p w:rsidR="00744541" w:rsidRPr="00397DDB" w:rsidP="00397DDB" w14:paraId="63088AC4" w14:textId="09EC1F08">
            <w:pPr>
              <w:jc w:val="left"/>
            </w:pPr>
            <w:r w:rsidRPr="00397DDB">
              <w:rPr>
                <w:b/>
              </w:rPr>
              <w:t>MERCHANT LAW GROUP LLP</w:t>
            </w:r>
            <w:r w:rsidRPr="00397DDB" w:rsidR="003E7F6B">
              <w:br/>
            </w:r>
            <w:r w:rsidRPr="00397DDB">
              <w:t>c/o #400 – 333 Adelaide St. West</w:t>
            </w:r>
            <w:r w:rsidRPr="00397DDB" w:rsidR="003E7F6B">
              <w:br/>
            </w:r>
            <w:r w:rsidRPr="00397DDB">
              <w:t>Toronto, O</w:t>
            </w:r>
            <w:r w:rsidRPr="00397DDB" w:rsidR="003E7F6B">
              <w:t xml:space="preserve">N  </w:t>
            </w:r>
            <w:r w:rsidRPr="00397DDB">
              <w:t>M5V 1R5</w:t>
            </w:r>
            <w:r w:rsidRPr="00397DDB" w:rsidR="003E7F6B">
              <w:br/>
            </w:r>
            <w:r w:rsidRPr="00397DDB">
              <w:t>Fax: 613-366-2793</w:t>
            </w:r>
          </w:p>
          <w:p w:rsidR="00744541" w:rsidRPr="00397DDB" w:rsidP="00397DDB" w14:paraId="2E032632" w14:textId="3B89F03E">
            <w:pPr>
              <w:jc w:val="left"/>
            </w:pPr>
            <w:r w:rsidRPr="00397DDB">
              <w:rPr>
                <w:b/>
              </w:rPr>
              <w:t xml:space="preserve">Evatt Merchant, </w:t>
            </w:r>
            <w:r w:rsidRPr="00397DDB">
              <w:t>QC</w:t>
            </w:r>
            <w:r w:rsidRPr="00397DDB" w:rsidR="003E7F6B">
              <w:br/>
            </w:r>
            <w:r w:rsidRPr="00397DDB">
              <w:t>Tel:</w:t>
            </w:r>
            <w:r w:rsidRPr="00397DDB" w:rsidR="003E7F6B">
              <w:tab/>
            </w:r>
            <w:r w:rsidRPr="00397DDB">
              <w:t>613-366-2795</w:t>
            </w:r>
            <w:r w:rsidRPr="00397DDB" w:rsidR="003E7F6B">
              <w:br/>
            </w:r>
            <w:r w:rsidRPr="00397DDB">
              <w:t>Email:</w:t>
            </w:r>
            <w:r w:rsidRPr="00397DDB" w:rsidR="003E7F6B">
              <w:tab/>
            </w:r>
            <w:r w:rsidRPr="00397DDB">
              <w:t>emerchant@merchantlaw.com</w:t>
            </w:r>
          </w:p>
          <w:p w:rsidR="00744541" w:rsidRPr="00397DDB" w:rsidP="00397DDB" w14:paraId="008D0FA6" w14:textId="2FC595A9">
            <w:pPr>
              <w:jc w:val="left"/>
            </w:pPr>
            <w:r w:rsidRPr="00397DDB">
              <w:t>Lawyers for the Class Action Plaintiffs (MLG)</w:t>
            </w:r>
          </w:p>
        </w:tc>
      </w:tr>
      <w:tr w14:paraId="0699D3F7" w14:textId="77777777" w:rsidTr="00397DDB">
        <w:tblPrEx>
          <w:tblW w:w="9625" w:type="dxa"/>
          <w:tblLook w:val="04A0"/>
        </w:tblPrEx>
        <w:tc>
          <w:tcPr>
            <w:tcW w:w="1525" w:type="dxa"/>
          </w:tcPr>
          <w:p w:rsidR="00B66E7E" w:rsidRPr="00397DDB" w:rsidP="00397DDB" w14:paraId="44908E61" w14:textId="123BD00F">
            <w:pPr>
              <w:jc w:val="left"/>
              <w:rPr>
                <w:b/>
                <w:caps/>
              </w:rPr>
            </w:pPr>
            <w:r w:rsidRPr="00397DDB">
              <w:rPr>
                <w:b/>
                <w:caps/>
              </w:rPr>
              <w:t>AND TO:</w:t>
            </w:r>
          </w:p>
        </w:tc>
        <w:tc>
          <w:tcPr>
            <w:tcW w:w="8100" w:type="dxa"/>
          </w:tcPr>
          <w:p w:rsidR="00B66E7E" w:rsidRPr="00397DDB" w:rsidP="00397DDB" w14:paraId="08EB3951" w14:textId="77777777">
            <w:pPr>
              <w:jc w:val="left"/>
            </w:pPr>
            <w:r w:rsidRPr="00397DDB">
              <w:rPr>
                <w:b/>
              </w:rPr>
              <w:t>LABSTAT INTERNATIONAL INC.</w:t>
            </w:r>
            <w:r w:rsidRPr="00397DDB">
              <w:br/>
              <w:t>262 Manitou Drive</w:t>
            </w:r>
            <w:r w:rsidRPr="00397DDB">
              <w:br/>
              <w:t>Kitchener, ON  N2C 1L3</w:t>
            </w:r>
          </w:p>
          <w:p w:rsidR="00B66E7E" w:rsidRPr="00397DDB" w:rsidP="00397DDB" w14:paraId="78B3037D" w14:textId="633DFF25">
            <w:pPr>
              <w:jc w:val="left"/>
            </w:pPr>
            <w:r w:rsidRPr="00397DDB">
              <w:rPr>
                <w:b/>
              </w:rPr>
              <w:t>Andrea Echeverria</w:t>
            </w:r>
            <w:r w:rsidRPr="00397DDB">
              <w:br/>
            </w:r>
            <w:r w:rsidRPr="00397DDB" w:rsidR="00D804F2">
              <w:t>Tel:</w:t>
            </w:r>
            <w:r w:rsidRPr="00397DDB" w:rsidR="00D804F2">
              <w:tab/>
              <w:t>519-748-5409</w:t>
            </w:r>
            <w:r w:rsidRPr="00397DDB" w:rsidR="00D804F2">
              <w:br/>
            </w:r>
            <w:r w:rsidRPr="00397DDB">
              <w:t>Email:</w:t>
            </w:r>
            <w:r w:rsidRPr="00397DDB">
              <w:tab/>
            </w:r>
            <w:r w:rsidRPr="00397DDB">
              <w:t>aecheverria</w:t>
            </w:r>
            <w:r w:rsidRPr="00397DDB">
              <w:t xml:space="preserve">@labstat.com </w:t>
            </w:r>
          </w:p>
        </w:tc>
      </w:tr>
      <w:tr w14:paraId="54770586" w14:textId="77777777" w:rsidTr="00397DDB">
        <w:tblPrEx>
          <w:tblW w:w="9625" w:type="dxa"/>
          <w:tblLook w:val="04A0"/>
        </w:tblPrEx>
        <w:tc>
          <w:tcPr>
            <w:tcW w:w="1525" w:type="dxa"/>
          </w:tcPr>
          <w:p w:rsidR="005551FA" w:rsidRPr="00397DDB" w:rsidP="00397DDB" w14:paraId="52178FB0" w14:textId="31C9AB2A">
            <w:pPr>
              <w:jc w:val="left"/>
              <w:rPr>
                <w:b/>
                <w:caps/>
              </w:rPr>
            </w:pPr>
            <w:r w:rsidRPr="00397DDB">
              <w:rPr>
                <w:b/>
                <w:caps/>
              </w:rPr>
              <w:t>AND TO:</w:t>
            </w:r>
          </w:p>
        </w:tc>
        <w:tc>
          <w:tcPr>
            <w:tcW w:w="8100" w:type="dxa"/>
          </w:tcPr>
          <w:p w:rsidR="005551FA" w:rsidRPr="00397DDB" w:rsidP="00397DDB" w14:paraId="07440D9B" w14:textId="77777777">
            <w:pPr>
              <w:jc w:val="left"/>
            </w:pPr>
            <w:r w:rsidRPr="00397DDB">
              <w:rPr>
                <w:b/>
              </w:rPr>
              <w:t>CHERNOS FLAHERTY SVONKIN LLP</w:t>
            </w:r>
            <w:r w:rsidRPr="00397DDB">
              <w:br/>
              <w:t>220 Bay Street, Suite 700</w:t>
            </w:r>
            <w:r w:rsidRPr="00397DDB">
              <w:br/>
              <w:t>Toronto, ON  M5J 2W4</w:t>
            </w:r>
            <w:r w:rsidRPr="00397DDB">
              <w:br/>
              <w:t>Fax:</w:t>
            </w:r>
            <w:r w:rsidRPr="00397DDB">
              <w:tab/>
              <w:t>647-725-5440</w:t>
            </w:r>
          </w:p>
          <w:p w:rsidR="005551FA" w:rsidRPr="00397DDB" w:rsidP="00397DDB" w14:paraId="1D6DC3E9" w14:textId="77777777">
            <w:pPr>
              <w:jc w:val="left"/>
            </w:pPr>
            <w:r w:rsidRPr="00397DDB">
              <w:rPr>
                <w:b/>
              </w:rPr>
              <w:t>Patrick Flaherty</w:t>
            </w:r>
            <w:r w:rsidRPr="00397DDB">
              <w:br/>
              <w:t>Tel:</w:t>
            </w:r>
            <w:r w:rsidRPr="00397DDB">
              <w:tab/>
              <w:t>416-855-0403</w:t>
            </w:r>
            <w:r w:rsidRPr="00397DDB">
              <w:br/>
              <w:t>Email:</w:t>
            </w:r>
            <w:r w:rsidRPr="00397DDB">
              <w:tab/>
              <w:t>pflaherty@cfscounsel.com</w:t>
            </w:r>
          </w:p>
          <w:p w:rsidR="005551FA" w:rsidRPr="00397DDB" w:rsidP="00397DDB" w14:paraId="40C8C4B7" w14:textId="77777777">
            <w:pPr>
              <w:jc w:val="left"/>
            </w:pPr>
            <w:r w:rsidRPr="00397DDB">
              <w:rPr>
                <w:b/>
              </w:rPr>
              <w:t>Bryan D. McLeese</w:t>
            </w:r>
            <w:r w:rsidRPr="00397DDB">
              <w:br/>
              <w:t>Tel:</w:t>
            </w:r>
            <w:r w:rsidRPr="00397DDB">
              <w:tab/>
              <w:t>416-855-0414</w:t>
            </w:r>
            <w:r w:rsidRPr="00397DDB">
              <w:br/>
              <w:t>Email:</w:t>
            </w:r>
            <w:r w:rsidRPr="00397DDB">
              <w:tab/>
              <w:t>bmcleese@cfscounsel.com</w:t>
            </w:r>
          </w:p>
          <w:p w:rsidR="00A51EAB" w:rsidRPr="00397DDB" w:rsidP="00397DDB" w14:paraId="345FF4C1" w14:textId="2CF38640">
            <w:pPr>
              <w:jc w:val="left"/>
            </w:pPr>
            <w:r w:rsidRPr="00397DDB">
              <w:rPr>
                <w:b/>
                <w:bCs/>
              </w:rPr>
              <w:t>Clair Wortsman</w:t>
            </w:r>
            <w:r w:rsidRPr="00397DDB">
              <w:rPr>
                <w:b/>
                <w:bCs/>
              </w:rPr>
              <w:br/>
            </w:r>
            <w:r w:rsidRPr="00397DDB">
              <w:t>Email:</w:t>
            </w:r>
            <w:r w:rsidRPr="00397DDB">
              <w:tab/>
              <w:t>cwortsman@cfscounsel.com</w:t>
            </w:r>
          </w:p>
          <w:p w:rsidR="005551FA" w:rsidRPr="00397DDB" w:rsidP="00397DDB" w14:paraId="2654145F" w14:textId="287676BA">
            <w:pPr>
              <w:jc w:val="left"/>
            </w:pPr>
            <w:r w:rsidRPr="00397DDB">
              <w:rPr>
                <w:b/>
              </w:rPr>
              <w:t>STOCKWOODS LLP</w:t>
            </w:r>
            <w:r w:rsidRPr="00397DDB">
              <w:br/>
              <w:t>77 King Street West, Suite 4130</w:t>
            </w:r>
            <w:r w:rsidRPr="00397DDB">
              <w:br/>
              <w:t>TD North Tower, P.O. Box 140, TD Centre</w:t>
            </w:r>
            <w:r w:rsidRPr="00397DDB">
              <w:br/>
              <w:t>Toronto, ON  M5K 1H1</w:t>
            </w:r>
            <w:r w:rsidRPr="00397DDB">
              <w:br/>
              <w:t>Fax:</w:t>
            </w:r>
            <w:r w:rsidRPr="00397DDB">
              <w:tab/>
              <w:t>416-593-9345</w:t>
            </w:r>
          </w:p>
          <w:p w:rsidR="005551FA" w:rsidRPr="00397DDB" w:rsidP="00397DDB" w14:paraId="01F4AFBB" w14:textId="77777777">
            <w:pPr>
              <w:jc w:val="left"/>
            </w:pPr>
            <w:r w:rsidRPr="00397DDB">
              <w:rPr>
                <w:b/>
              </w:rPr>
              <w:t>Brian Gover</w:t>
            </w:r>
            <w:r w:rsidRPr="00397DDB">
              <w:br/>
              <w:t>Tel:</w:t>
            </w:r>
            <w:r w:rsidRPr="00397DDB">
              <w:tab/>
              <w:t>416-593-2489</w:t>
            </w:r>
            <w:r w:rsidRPr="00397DDB">
              <w:br/>
              <w:t>Email:</w:t>
            </w:r>
            <w:r w:rsidRPr="00397DDB">
              <w:tab/>
              <w:t>briang@stockwoods.ca</w:t>
            </w:r>
          </w:p>
          <w:p w:rsidR="005551FA" w:rsidRPr="00397DDB" w:rsidP="00397DDB" w14:paraId="3CEB6105" w14:textId="77777777">
            <w:pPr>
              <w:jc w:val="left"/>
            </w:pPr>
            <w:r w:rsidRPr="00397DDB">
              <w:rPr>
                <w:b/>
              </w:rPr>
              <w:t>Justin Safayeni</w:t>
            </w:r>
            <w:r w:rsidRPr="00397DDB">
              <w:br/>
              <w:t>Tel:</w:t>
            </w:r>
            <w:r w:rsidRPr="00397DDB">
              <w:tab/>
              <w:t>416-593-3494</w:t>
            </w:r>
            <w:r w:rsidRPr="00397DDB">
              <w:br/>
              <w:t>Email:</w:t>
            </w:r>
            <w:r w:rsidRPr="00397DDB">
              <w:tab/>
              <w:t>justins@stockwoods.ca</w:t>
            </w:r>
          </w:p>
          <w:p w:rsidR="005551FA" w:rsidRPr="00397DDB" w:rsidP="00397DDB" w14:paraId="6CF0298D" w14:textId="7E773CC9">
            <w:pPr>
              <w:jc w:val="left"/>
            </w:pPr>
            <w:r w:rsidRPr="00397DDB">
              <w:t>Lawyers for R.J. Reynolds Tobacco Company and</w:t>
            </w:r>
            <w:r w:rsidRPr="00397DDB">
              <w:br/>
              <w:t xml:space="preserve">R.J. Reynolds </w:t>
            </w:r>
            <w:r w:rsidRPr="00397DDB" w:rsidR="00E02C95">
              <w:t>T</w:t>
            </w:r>
            <w:r w:rsidRPr="00397DDB">
              <w:t>obacco International Inc.</w:t>
            </w:r>
          </w:p>
        </w:tc>
      </w:tr>
      <w:tr w14:paraId="6A1A9DDA" w14:textId="77777777" w:rsidTr="00397DDB">
        <w:tblPrEx>
          <w:tblW w:w="9625" w:type="dxa"/>
          <w:tblLook w:val="04A0"/>
        </w:tblPrEx>
        <w:tc>
          <w:tcPr>
            <w:tcW w:w="1525" w:type="dxa"/>
          </w:tcPr>
          <w:p w:rsidR="005B7915" w:rsidRPr="00397DDB" w:rsidP="00397DDB" w14:paraId="14194B1E" w14:textId="0852A5C9">
            <w:pPr>
              <w:jc w:val="left"/>
              <w:rPr>
                <w:b/>
                <w:caps/>
              </w:rPr>
            </w:pPr>
            <w:r w:rsidRPr="00397DDB">
              <w:rPr>
                <w:b/>
                <w:caps/>
              </w:rPr>
              <w:t>AND TO:</w:t>
            </w:r>
          </w:p>
        </w:tc>
        <w:tc>
          <w:tcPr>
            <w:tcW w:w="8100" w:type="dxa"/>
          </w:tcPr>
          <w:p w:rsidR="005B7915" w:rsidRPr="00397DDB" w:rsidP="00397DDB" w14:paraId="7DFF5D5A" w14:textId="1FBF1AAB">
            <w:pPr>
              <w:jc w:val="left"/>
            </w:pPr>
            <w:r w:rsidRPr="00397DDB">
              <w:rPr>
                <w:b/>
                <w:bCs/>
              </w:rPr>
              <w:t>COZEN O’CONNOR LLP</w:t>
            </w:r>
            <w:r w:rsidRPr="00397DDB">
              <w:br/>
              <w:t xml:space="preserve">Bay Adelaide Centre – </w:t>
            </w:r>
            <w:r w:rsidRPr="00397DDB" w:rsidR="001434A8">
              <w:t xml:space="preserve">North </w:t>
            </w:r>
            <w:r w:rsidRPr="00397DDB">
              <w:t>Tower</w:t>
            </w:r>
            <w:r w:rsidRPr="00397DDB">
              <w:br/>
            </w:r>
            <w:r w:rsidRPr="00397DDB" w:rsidR="001434A8">
              <w:t>40 Temperance Street, Suite 2700</w:t>
            </w:r>
            <w:r w:rsidRPr="00397DDB">
              <w:br/>
              <w:t xml:space="preserve">Toronto, Ontario  M5H </w:t>
            </w:r>
            <w:r w:rsidRPr="00397DDB" w:rsidR="001434A8">
              <w:t>0B4</w:t>
            </w:r>
          </w:p>
          <w:p w:rsidR="005B7915" w:rsidRPr="00397DDB" w:rsidP="00350FEC" w14:paraId="3E9ED749" w14:textId="24D60E35">
            <w:pPr>
              <w:keepNext/>
              <w:keepLines/>
              <w:jc w:val="left"/>
            </w:pPr>
            <w:r w:rsidRPr="00397DDB">
              <w:rPr>
                <w:b/>
              </w:rPr>
              <w:t>Steven Weisz</w:t>
            </w:r>
            <w:r w:rsidRPr="00397DDB">
              <w:br/>
              <w:t xml:space="preserve">Tel: </w:t>
            </w:r>
            <w:r w:rsidRPr="00397DDB">
              <w:tab/>
            </w:r>
            <w:r w:rsidRPr="00397DDB" w:rsidR="00213B90">
              <w:t>647</w:t>
            </w:r>
            <w:r w:rsidRPr="00397DDB">
              <w:t>-</w:t>
            </w:r>
            <w:r w:rsidRPr="00397DDB" w:rsidR="00213B90">
              <w:t>417</w:t>
            </w:r>
            <w:r w:rsidRPr="00397DDB" w:rsidR="00F40D96">
              <w:t>-</w:t>
            </w:r>
            <w:r w:rsidRPr="00397DDB" w:rsidR="00213B90">
              <w:t>5334</w:t>
            </w:r>
            <w:r w:rsidRPr="00397DDB" w:rsidR="00213B90">
              <w:br/>
              <w:t>Fax:</w:t>
            </w:r>
            <w:r w:rsidRPr="00397DDB" w:rsidR="00213B90">
              <w:tab/>
            </w:r>
            <w:r w:rsidRPr="00397DDB" w:rsidR="001434A8">
              <w:t>416-361-1405</w:t>
            </w:r>
            <w:r w:rsidRPr="00397DDB">
              <w:br/>
              <w:t>Email:</w:t>
            </w:r>
            <w:r w:rsidRPr="00397DDB">
              <w:tab/>
            </w:r>
            <w:r w:rsidRPr="00397DDB" w:rsidR="00F40D96">
              <w:t>sweisz@</w:t>
            </w:r>
            <w:r w:rsidRPr="00397DDB" w:rsidR="00213B90">
              <w:t>cozen</w:t>
            </w:r>
            <w:r w:rsidRPr="00397DDB" w:rsidR="00F40D96">
              <w:t>.c</w:t>
            </w:r>
            <w:r w:rsidRPr="00397DDB" w:rsidR="00213B90">
              <w:t>om</w:t>
            </w:r>
          </w:p>
          <w:p w:rsidR="005B7915" w:rsidRPr="00397DDB" w:rsidP="00397DDB" w14:paraId="4D8CEC4C" w14:textId="7A575C51">
            <w:pPr>
              <w:jc w:val="left"/>
            </w:pPr>
            <w:r w:rsidRPr="00397DDB">
              <w:rPr>
                <w:b/>
              </w:rPr>
              <w:t>INCH HAMMOND PROFESSIONAL CORPORATION</w:t>
            </w:r>
            <w:r w:rsidRPr="00397DDB">
              <w:br/>
              <w:t>1 King Street West, Suite 500</w:t>
            </w:r>
            <w:r w:rsidRPr="00397DDB">
              <w:br/>
              <w:t>Hamilton, ON  L8P 4X8</w:t>
            </w:r>
          </w:p>
          <w:p w:rsidR="005B7915" w:rsidRPr="00397DDB" w:rsidP="00397DDB" w14:paraId="047D8BA9" w14:textId="505D202A">
            <w:pPr>
              <w:jc w:val="left"/>
            </w:pPr>
            <w:r w:rsidRPr="00397DDB">
              <w:rPr>
                <w:b/>
              </w:rPr>
              <w:t>John F.C. Hammond</w:t>
            </w:r>
            <w:r w:rsidRPr="00397DDB">
              <w:br/>
              <w:t>Tel:</w:t>
            </w:r>
            <w:r w:rsidRPr="00397DDB">
              <w:tab/>
              <w:t>905-525-</w:t>
            </w:r>
            <w:r w:rsidRPr="00397DDB">
              <w:t>4481</w:t>
            </w:r>
            <w:r w:rsidRPr="00397DDB">
              <w:br/>
              <w:t xml:space="preserve">Email: </w:t>
            </w:r>
            <w:r w:rsidRPr="00397DDB">
              <w:tab/>
            </w:r>
            <w:r w:rsidRPr="00397DDB">
              <w:t>hammond</w:t>
            </w:r>
            <w:r w:rsidRPr="00397DDB">
              <w:t xml:space="preserve">@inchlaw.com </w:t>
            </w:r>
          </w:p>
          <w:p w:rsidR="005B7915" w:rsidRPr="00397DDB" w:rsidP="00397DDB" w14:paraId="2963860E" w14:textId="15F7B57D">
            <w:pPr>
              <w:jc w:val="left"/>
            </w:pPr>
            <w:r w:rsidRPr="00397DDB">
              <w:t>Lawyer for Grand River Enterprises Six Nations Ltd.</w:t>
            </w:r>
          </w:p>
        </w:tc>
      </w:tr>
      <w:tr w14:paraId="54F91DB2" w14:textId="77777777" w:rsidTr="00397DDB">
        <w:tblPrEx>
          <w:tblW w:w="9625" w:type="dxa"/>
          <w:tblLook w:val="04A0"/>
        </w:tblPrEx>
        <w:tc>
          <w:tcPr>
            <w:tcW w:w="1525" w:type="dxa"/>
          </w:tcPr>
          <w:p w:rsidR="009D4D31" w:rsidRPr="00397DDB" w:rsidP="00397DDB" w14:paraId="4B55636D" w14:textId="78962B96">
            <w:pPr>
              <w:jc w:val="left"/>
              <w:rPr>
                <w:b/>
                <w:caps/>
              </w:rPr>
            </w:pPr>
            <w:r w:rsidRPr="00397DDB">
              <w:rPr>
                <w:b/>
                <w:caps/>
              </w:rPr>
              <w:t>AND TO:</w:t>
            </w:r>
          </w:p>
        </w:tc>
        <w:tc>
          <w:tcPr>
            <w:tcW w:w="8100" w:type="dxa"/>
          </w:tcPr>
          <w:p w:rsidR="009D4D31" w:rsidRPr="00397DDB" w:rsidP="00397DDB" w14:paraId="2FD0FB45" w14:textId="7E61596E">
            <w:pPr>
              <w:jc w:val="left"/>
            </w:pPr>
            <w:r w:rsidRPr="00397DDB">
              <w:rPr>
                <w:b/>
              </w:rPr>
              <w:t xml:space="preserve">STROSBERG </w:t>
            </w:r>
            <w:r w:rsidRPr="00397DDB" w:rsidR="00312504">
              <w:rPr>
                <w:b/>
              </w:rPr>
              <w:t xml:space="preserve">WINGFIELD </w:t>
            </w:r>
            <w:r w:rsidRPr="00397DDB">
              <w:rPr>
                <w:b/>
              </w:rPr>
              <w:t>SASSO LLP</w:t>
            </w:r>
            <w:r w:rsidRPr="00397DDB">
              <w:br/>
              <w:t>1561 Ouellette Avenue</w:t>
            </w:r>
            <w:r w:rsidRPr="00397DDB">
              <w:br/>
              <w:t>Windsor, ON  M8X 1K5</w:t>
            </w:r>
            <w:r w:rsidRPr="00397DDB" w:rsidR="00C853F4">
              <w:br/>
              <w:t>Fax:</w:t>
            </w:r>
            <w:r w:rsidRPr="00397DDB" w:rsidR="00C853F4">
              <w:tab/>
              <w:t>866-316-5308</w:t>
            </w:r>
          </w:p>
          <w:p w:rsidR="009D4D31" w:rsidRPr="00397DDB" w:rsidP="00397DDB" w14:paraId="534CEA26" w14:textId="0A444858">
            <w:pPr>
              <w:jc w:val="left"/>
            </w:pPr>
            <w:r w:rsidRPr="00397DDB">
              <w:rPr>
                <w:b/>
              </w:rPr>
              <w:t>William V. Sasso</w:t>
            </w:r>
            <w:r w:rsidRPr="00397DDB">
              <w:br/>
              <w:t>Tel:</w:t>
            </w:r>
            <w:r w:rsidRPr="00397DDB" w:rsidR="007B749B">
              <w:tab/>
              <w:t>519-561-6222</w:t>
            </w:r>
            <w:r w:rsidRPr="00397DDB" w:rsidR="007B749B">
              <w:br/>
              <w:t>Email:</w:t>
            </w:r>
            <w:r w:rsidRPr="00397DDB" w:rsidR="007B749B">
              <w:tab/>
            </w:r>
            <w:r w:rsidRPr="00397DDB" w:rsidR="00312504">
              <w:t>william.sasso</w:t>
            </w:r>
            <w:r w:rsidRPr="00397DDB" w:rsidR="007B749B">
              <w:t>@</w:t>
            </w:r>
            <w:r w:rsidRPr="00397DDB" w:rsidR="00312504">
              <w:t>swslitigation</w:t>
            </w:r>
            <w:r w:rsidRPr="00397DDB" w:rsidR="007B749B">
              <w:t>.com</w:t>
            </w:r>
          </w:p>
          <w:p w:rsidR="007B749B" w:rsidRPr="00397DDB" w:rsidP="00397DDB" w14:paraId="0F027115" w14:textId="61A86189">
            <w:pPr>
              <w:jc w:val="left"/>
            </w:pPr>
            <w:r w:rsidRPr="00397DDB">
              <w:rPr>
                <w:b/>
              </w:rPr>
              <w:t>David Robins</w:t>
            </w:r>
            <w:r w:rsidRPr="00397DDB">
              <w:br/>
              <w:t>Tel:</w:t>
            </w:r>
            <w:r w:rsidRPr="00397DDB">
              <w:tab/>
              <w:t>519-561-6215</w:t>
            </w:r>
            <w:r w:rsidRPr="00397DDB">
              <w:br/>
              <w:t>Email:</w:t>
            </w:r>
            <w:r w:rsidRPr="00397DDB">
              <w:tab/>
            </w:r>
            <w:r w:rsidRPr="00397DDB" w:rsidR="00312504">
              <w:t>david.</w:t>
            </w:r>
            <w:r w:rsidRPr="00397DDB">
              <w:t>robins@</w:t>
            </w:r>
            <w:r w:rsidRPr="00397DDB" w:rsidR="00312504">
              <w:t>swslitigation</w:t>
            </w:r>
            <w:r w:rsidRPr="00397DDB">
              <w:t>.com</w:t>
            </w:r>
          </w:p>
          <w:p w:rsidR="007B749B" w:rsidRPr="00397DDB" w:rsidP="00397DDB" w14:paraId="25D41A13" w14:textId="1DBF290F">
            <w:pPr>
              <w:jc w:val="left"/>
            </w:pPr>
            <w:r w:rsidRPr="00397DDB">
              <w:t>Lawyers for The Ontario Flue-Cured Tobacco Growers’ Marketing Board, plaintiffs in Ontario Superior Court of Justice Court File No. 1056/10CP (Class</w:t>
            </w:r>
            <w:r w:rsidRPr="00397DDB" w:rsidR="00104570">
              <w:t> </w:t>
            </w:r>
            <w:r w:rsidRPr="00397DDB">
              <w:t>Proce</w:t>
            </w:r>
            <w:r w:rsidRPr="00397DDB" w:rsidR="00C853F4">
              <w:t>e</w:t>
            </w:r>
            <w:r w:rsidRPr="00397DDB">
              <w:t>dings)</w:t>
            </w:r>
          </w:p>
        </w:tc>
      </w:tr>
      <w:tr w14:paraId="3692F9B4" w14:textId="77777777" w:rsidTr="00397DDB">
        <w:tblPrEx>
          <w:tblW w:w="9625" w:type="dxa"/>
          <w:tblLook w:val="04A0"/>
        </w:tblPrEx>
        <w:tc>
          <w:tcPr>
            <w:tcW w:w="1525" w:type="dxa"/>
          </w:tcPr>
          <w:p w:rsidR="00C853F4" w:rsidRPr="00397DDB" w:rsidP="00397DDB" w14:paraId="54F5AEC7" w14:textId="2B5B9350">
            <w:pPr>
              <w:jc w:val="left"/>
              <w:rPr>
                <w:b/>
                <w:caps/>
              </w:rPr>
            </w:pPr>
            <w:r w:rsidRPr="00397DDB">
              <w:rPr>
                <w:b/>
                <w:caps/>
              </w:rPr>
              <w:t>AND TO:</w:t>
            </w:r>
          </w:p>
        </w:tc>
        <w:tc>
          <w:tcPr>
            <w:tcW w:w="8100" w:type="dxa"/>
          </w:tcPr>
          <w:p w:rsidR="00C853F4" w:rsidRPr="00397DDB" w:rsidP="00397DDB" w14:paraId="416A62F5" w14:textId="1345A86A">
            <w:pPr>
              <w:jc w:val="left"/>
            </w:pPr>
            <w:r w:rsidRPr="00397DDB">
              <w:rPr>
                <w:b/>
              </w:rPr>
              <w:t>ATTORNEY GENERAL OF CANADA</w:t>
            </w:r>
            <w:r w:rsidRPr="00397DDB">
              <w:br/>
              <w:t>Department of Justice Canada</w:t>
            </w:r>
            <w:r w:rsidRPr="00397DDB">
              <w:br/>
              <w:t>Ontario Regional Office, Tax Law Section</w:t>
            </w:r>
            <w:r w:rsidRPr="00397DDB">
              <w:br/>
              <w:t>120 Adelaide Street West, Suite 400</w:t>
            </w:r>
            <w:r w:rsidRPr="00397DDB">
              <w:br/>
              <w:t>Toronto, ON  M5H 1T1</w:t>
            </w:r>
            <w:r w:rsidRPr="00397DDB">
              <w:br/>
              <w:t>Fax:</w:t>
            </w:r>
            <w:r w:rsidRPr="00397DDB">
              <w:tab/>
              <w:t>416-973-0810</w:t>
            </w:r>
          </w:p>
          <w:p w:rsidR="00767032" w:rsidRPr="00397DDB" w:rsidP="00397DDB" w14:paraId="6BF294E6" w14:textId="1C602A03">
            <w:pPr>
              <w:jc w:val="left"/>
            </w:pPr>
            <w:r w:rsidRPr="00397DDB">
              <w:rPr>
                <w:b/>
                <w:bCs/>
              </w:rPr>
              <w:t>Edward Park</w:t>
            </w:r>
            <w:r w:rsidRPr="00397DDB">
              <w:br/>
              <w:t>Tel:</w:t>
            </w:r>
            <w:r w:rsidRPr="00397DDB">
              <w:tab/>
              <w:t>647-292-9368</w:t>
            </w:r>
            <w:r w:rsidRPr="00397DDB">
              <w:br/>
              <w:t>Email:</w:t>
            </w:r>
            <w:r w:rsidRPr="00397DDB">
              <w:tab/>
            </w:r>
            <w:r w:rsidRPr="00397DDB" w:rsidR="0018172E">
              <w:t>e</w:t>
            </w:r>
            <w:r w:rsidRPr="00397DDB">
              <w:t>dward.park@justice.gc.ca</w:t>
            </w:r>
          </w:p>
          <w:p w:rsidR="00767032" w:rsidRPr="00397DDB" w:rsidP="00397DDB" w14:paraId="5CB9CB8D" w14:textId="5486B287">
            <w:pPr>
              <w:jc w:val="left"/>
            </w:pPr>
            <w:r w:rsidRPr="00397DDB">
              <w:rPr>
                <w:b/>
                <w:bCs/>
              </w:rPr>
              <w:t>Kevin Dias</w:t>
            </w:r>
            <w:r w:rsidRPr="00397DDB">
              <w:br/>
              <w:t>Email:</w:t>
            </w:r>
            <w:r w:rsidRPr="00397DDB">
              <w:tab/>
              <w:t>kevin.dias@justice.gc.ca</w:t>
            </w:r>
          </w:p>
          <w:p w:rsidR="0047133C" w:rsidRPr="00397DDB" w:rsidP="00397DDB" w14:paraId="38E8C89E" w14:textId="32D9D112">
            <w:pPr>
              <w:jc w:val="left"/>
            </w:pPr>
            <w:r w:rsidRPr="00397DDB">
              <w:rPr>
                <w:b/>
                <w:bCs/>
              </w:rPr>
              <w:t>General Intake Office</w:t>
            </w:r>
            <w:r w:rsidRPr="00397DDB">
              <w:t>:</w:t>
            </w:r>
            <w:r w:rsidRPr="00397DDB">
              <w:br/>
              <w:t>Email:</w:t>
            </w:r>
            <w:r w:rsidRPr="00397DDB">
              <w:tab/>
              <w:t>AGC-PGC.Toronto-Tax-Fiscal@justice.gc.ca</w:t>
            </w:r>
          </w:p>
          <w:p w:rsidR="00C853F4" w:rsidRPr="00397DDB" w:rsidP="00397DDB" w14:paraId="703EDC36" w14:textId="430F3172">
            <w:pPr>
              <w:jc w:val="left"/>
            </w:pPr>
            <w:r w:rsidRPr="00397DDB">
              <w:t>Lawyers for the Minister of National Revenue</w:t>
            </w:r>
          </w:p>
        </w:tc>
      </w:tr>
      <w:tr w14:paraId="7512A8FA" w14:textId="77777777" w:rsidTr="00397DDB">
        <w:tblPrEx>
          <w:tblW w:w="9625" w:type="dxa"/>
          <w:tblLook w:val="04A0"/>
        </w:tblPrEx>
        <w:tc>
          <w:tcPr>
            <w:tcW w:w="1525" w:type="dxa"/>
          </w:tcPr>
          <w:p w:rsidR="00377BEB" w:rsidRPr="00397DDB" w:rsidP="00397DDB" w14:paraId="59C895C2" w14:textId="03FF1F7B">
            <w:pPr>
              <w:jc w:val="left"/>
              <w:rPr>
                <w:b/>
                <w:caps/>
              </w:rPr>
            </w:pPr>
            <w:r w:rsidRPr="00397DDB">
              <w:rPr>
                <w:b/>
                <w:caps/>
              </w:rPr>
              <w:t>AND TO:</w:t>
            </w:r>
          </w:p>
        </w:tc>
        <w:tc>
          <w:tcPr>
            <w:tcW w:w="8100" w:type="dxa"/>
          </w:tcPr>
          <w:p w:rsidR="00377BEB" w:rsidRPr="00397DDB" w:rsidP="00397DDB" w14:paraId="21DE5030" w14:textId="77777777">
            <w:pPr>
              <w:jc w:val="left"/>
            </w:pPr>
            <w:r w:rsidRPr="00397DDB">
              <w:rPr>
                <w:b/>
              </w:rPr>
              <w:t>LAX O’SULLIVAN LISUS GOTTLIEB LLP</w:t>
            </w:r>
            <w:r w:rsidRPr="00397DDB">
              <w:br/>
              <w:t>Suite 2750, 145 King Street West</w:t>
            </w:r>
            <w:r w:rsidRPr="00397DDB">
              <w:br/>
              <w:t>Toronto, ON  M5H 1J8</w:t>
            </w:r>
          </w:p>
          <w:p w:rsidR="00377BEB" w:rsidRPr="00397DDB" w:rsidP="00397DDB" w14:paraId="76C84DEC" w14:textId="77777777">
            <w:pPr>
              <w:jc w:val="left"/>
            </w:pPr>
            <w:r w:rsidRPr="00397DDB">
              <w:rPr>
                <w:b/>
              </w:rPr>
              <w:t>Jonathan Lisus</w:t>
            </w:r>
            <w:r w:rsidRPr="00397DDB">
              <w:br/>
              <w:t>Tel:</w:t>
            </w:r>
            <w:r w:rsidRPr="00397DDB">
              <w:tab/>
              <w:t>416-598-7873</w:t>
            </w:r>
            <w:r w:rsidRPr="00397DDB">
              <w:br/>
              <w:t>Email:</w:t>
            </w:r>
            <w:r w:rsidRPr="00397DDB">
              <w:tab/>
              <w:t>jlisus@lolg.ca</w:t>
            </w:r>
          </w:p>
          <w:p w:rsidR="00377BEB" w:rsidRPr="00397DDB" w:rsidP="00397DDB" w14:paraId="691AAF5E" w14:textId="77777777">
            <w:pPr>
              <w:jc w:val="left"/>
            </w:pPr>
            <w:r w:rsidRPr="00397DDB">
              <w:rPr>
                <w:b/>
              </w:rPr>
              <w:t>Matthew Gottlieb</w:t>
            </w:r>
            <w:r w:rsidRPr="00397DDB">
              <w:br/>
              <w:t>Tel:</w:t>
            </w:r>
            <w:r w:rsidRPr="00397DDB">
              <w:tab/>
              <w:t>416-644-5353</w:t>
            </w:r>
            <w:r w:rsidRPr="00397DDB">
              <w:br/>
              <w:t>Email:</w:t>
            </w:r>
            <w:r w:rsidRPr="00397DDB">
              <w:tab/>
              <w:t>mgottlieb@lolg.ca</w:t>
            </w:r>
          </w:p>
          <w:p w:rsidR="00377BEB" w:rsidRPr="00397DDB" w:rsidP="00397DDB" w14:paraId="67AABEF6" w14:textId="6775F682">
            <w:pPr>
              <w:jc w:val="left"/>
            </w:pPr>
            <w:r w:rsidRPr="00397DDB">
              <w:rPr>
                <w:b/>
              </w:rPr>
              <w:t>Nadia Campion</w:t>
            </w:r>
            <w:r w:rsidRPr="00397DDB">
              <w:br/>
              <w:t>Tel:</w:t>
            </w:r>
            <w:r w:rsidRPr="00397DDB">
              <w:tab/>
              <w:t>416-642-3134</w:t>
            </w:r>
            <w:r w:rsidRPr="00397DDB">
              <w:br/>
              <w:t>Email:</w:t>
            </w:r>
            <w:r w:rsidRPr="00397DDB">
              <w:tab/>
              <w:t>ncampion@lolg.ca</w:t>
            </w:r>
          </w:p>
          <w:p w:rsidR="00377BEB" w:rsidRPr="00397DDB" w:rsidP="00397DDB" w14:paraId="15F9FE76" w14:textId="2112800C">
            <w:pPr>
              <w:jc w:val="left"/>
            </w:pPr>
            <w:r w:rsidRPr="00397DDB">
              <w:rPr>
                <w:b/>
              </w:rPr>
              <w:t>Andrew Winton</w:t>
            </w:r>
            <w:r w:rsidRPr="00397DDB">
              <w:br/>
              <w:t>Tel:</w:t>
            </w:r>
            <w:r w:rsidRPr="00397DDB">
              <w:tab/>
              <w:t>416-644-5342</w:t>
            </w:r>
            <w:r w:rsidRPr="00397DDB">
              <w:br/>
              <w:t>Email:</w:t>
            </w:r>
            <w:r w:rsidRPr="00397DDB">
              <w:tab/>
              <w:t>awinton@lolg.ca</w:t>
            </w:r>
          </w:p>
          <w:p w:rsidR="00377BEB" w:rsidRPr="00397DDB" w:rsidP="00397DDB" w14:paraId="7F2622D1" w14:textId="0B02BA76">
            <w:pPr>
              <w:jc w:val="left"/>
            </w:pPr>
            <w:r w:rsidRPr="00397DDB">
              <w:t>Lawyers for the Court-Appointed Mediator</w:t>
            </w:r>
          </w:p>
        </w:tc>
      </w:tr>
      <w:tr w14:paraId="64C268A4" w14:textId="77777777" w:rsidTr="00397DDB">
        <w:tblPrEx>
          <w:tblW w:w="9625" w:type="dxa"/>
          <w:tblLook w:val="04A0"/>
        </w:tblPrEx>
        <w:tc>
          <w:tcPr>
            <w:tcW w:w="1525" w:type="dxa"/>
          </w:tcPr>
          <w:p w:rsidR="0094008C" w:rsidRPr="00397DDB" w:rsidP="00397DDB" w14:paraId="7331ECA3" w14:textId="5B5B21E4">
            <w:pPr>
              <w:jc w:val="left"/>
              <w:rPr>
                <w:b/>
                <w:caps/>
              </w:rPr>
            </w:pPr>
            <w:r w:rsidRPr="00397DDB">
              <w:rPr>
                <w:b/>
                <w:caps/>
              </w:rPr>
              <w:t>AND TO:</w:t>
            </w:r>
          </w:p>
        </w:tc>
        <w:tc>
          <w:tcPr>
            <w:tcW w:w="8100" w:type="dxa"/>
          </w:tcPr>
          <w:p w:rsidR="0094008C" w:rsidRPr="00397DDB" w:rsidP="00397DDB" w14:paraId="7E5DD08E" w14:textId="7443750D">
            <w:pPr>
              <w:jc w:val="left"/>
            </w:pPr>
            <w:r w:rsidRPr="00397DDB">
              <w:rPr>
                <w:b/>
              </w:rPr>
              <w:t>FOGLER, RUBINOFF LLP</w:t>
            </w:r>
            <w:r w:rsidRPr="00397DDB">
              <w:br/>
              <w:t>Suite 3000, P.O. Box 95</w:t>
            </w:r>
            <w:r w:rsidRPr="00397DDB">
              <w:br/>
              <w:t>Toronto-Dominion Centre</w:t>
            </w:r>
            <w:r w:rsidRPr="00397DDB">
              <w:br/>
              <w:t>77 King Street West</w:t>
            </w:r>
            <w:r w:rsidRPr="00397DDB">
              <w:br/>
              <w:t>Toronto, ON  M5K 1G8</w:t>
            </w:r>
            <w:r w:rsidRPr="00397DDB">
              <w:br/>
              <w:t>Fax:</w:t>
            </w:r>
            <w:r w:rsidRPr="00397DDB">
              <w:tab/>
              <w:t>416-941-8852</w:t>
            </w:r>
          </w:p>
          <w:p w:rsidR="0094008C" w:rsidRPr="00397DDB" w:rsidP="00397DDB" w14:paraId="65BC79FE" w14:textId="77777777">
            <w:pPr>
              <w:jc w:val="left"/>
            </w:pPr>
            <w:r w:rsidRPr="00397DDB">
              <w:rPr>
                <w:b/>
              </w:rPr>
              <w:t>Vern W. DaRe</w:t>
            </w:r>
            <w:r w:rsidRPr="00397DDB">
              <w:br/>
              <w:t>Tel:</w:t>
            </w:r>
            <w:r w:rsidRPr="00397DDB">
              <w:tab/>
              <w:t>416-941-8842</w:t>
            </w:r>
            <w:r w:rsidRPr="00397DDB">
              <w:br/>
              <w:t>Email:</w:t>
            </w:r>
            <w:r w:rsidRPr="00397DDB">
              <w:tab/>
              <w:t>vdare@foglers.com</w:t>
            </w:r>
          </w:p>
          <w:p w:rsidR="0094008C" w:rsidRPr="00397DDB" w:rsidP="00397DDB" w14:paraId="17328359" w14:textId="41781419">
            <w:pPr>
              <w:jc w:val="left"/>
            </w:pPr>
            <w:r w:rsidRPr="00397DDB">
              <w:rPr>
                <w:b/>
              </w:rPr>
              <w:t>CANADIAN CANCER SOCIETY</w:t>
            </w:r>
            <w:r w:rsidRPr="00397DDB">
              <w:br/>
              <w:t>116 Albert Street, Suite 500</w:t>
            </w:r>
            <w:r w:rsidRPr="00397DDB">
              <w:br/>
              <w:t>Ottawa, ON  K1P 5G3</w:t>
            </w:r>
            <w:r w:rsidRPr="00397DDB">
              <w:br/>
              <w:t>Fax:</w:t>
            </w:r>
            <w:r w:rsidRPr="00397DDB">
              <w:tab/>
              <w:t>613-565-2278</w:t>
            </w:r>
          </w:p>
          <w:p w:rsidR="0094008C" w:rsidRPr="00397DDB" w:rsidP="00350FEC" w14:paraId="2DF0C902" w14:textId="732DEAF6">
            <w:pPr>
              <w:keepNext/>
              <w:jc w:val="left"/>
            </w:pPr>
            <w:r w:rsidRPr="00397DDB">
              <w:rPr>
                <w:b/>
              </w:rPr>
              <w:t>Robert Cunningham</w:t>
            </w:r>
            <w:r w:rsidRPr="00397DDB">
              <w:br/>
              <w:t>Tel:</w:t>
            </w:r>
            <w:r w:rsidRPr="00397DDB">
              <w:tab/>
              <w:t>613-</w:t>
            </w:r>
            <w:r w:rsidRPr="00397DDB" w:rsidR="00B5219B">
              <w:t>762-4624</w:t>
            </w:r>
            <w:r w:rsidRPr="00397DDB">
              <w:br/>
              <w:t>Email:</w:t>
            </w:r>
            <w:r w:rsidRPr="00397DDB">
              <w:tab/>
              <w:t>r</w:t>
            </w:r>
            <w:r w:rsidRPr="00397DDB" w:rsidR="00B5219B">
              <w:t>ob.</w:t>
            </w:r>
            <w:r w:rsidRPr="00397DDB">
              <w:t>cunning</w:t>
            </w:r>
            <w:r w:rsidRPr="00397DDB" w:rsidR="00B5219B">
              <w:t>ham</w:t>
            </w:r>
            <w:r w:rsidRPr="00397DDB">
              <w:t>@cancer.ca</w:t>
            </w:r>
          </w:p>
          <w:p w:rsidR="0094008C" w:rsidRPr="00397DDB" w:rsidP="00397DDB" w14:paraId="5D501855" w14:textId="07CC864A">
            <w:pPr>
              <w:jc w:val="left"/>
            </w:pPr>
            <w:r w:rsidRPr="00397DDB">
              <w:t>Lawyers for Canadian Cancer Society</w:t>
            </w:r>
          </w:p>
        </w:tc>
      </w:tr>
      <w:tr w14:paraId="455A8181" w14:textId="77777777" w:rsidTr="00397DDB">
        <w:tblPrEx>
          <w:tblW w:w="9625" w:type="dxa"/>
          <w:tblLook w:val="04A0"/>
        </w:tblPrEx>
        <w:tc>
          <w:tcPr>
            <w:tcW w:w="1525" w:type="dxa"/>
          </w:tcPr>
          <w:p w:rsidR="00EF6385" w:rsidRPr="00397DDB" w:rsidP="00397DDB" w14:paraId="6E595A34" w14:textId="36D88D92">
            <w:pPr>
              <w:jc w:val="left"/>
              <w:rPr>
                <w:b/>
                <w:caps/>
              </w:rPr>
            </w:pPr>
            <w:r w:rsidRPr="00397DDB">
              <w:rPr>
                <w:b/>
                <w:caps/>
              </w:rPr>
              <w:t>AND TO:</w:t>
            </w:r>
          </w:p>
        </w:tc>
        <w:tc>
          <w:tcPr>
            <w:tcW w:w="8100" w:type="dxa"/>
          </w:tcPr>
          <w:p w:rsidR="00EF6385" w:rsidRPr="00397DDB" w:rsidP="00397DDB" w14:paraId="3992B7AE" w14:textId="6DBCF229">
            <w:pPr>
              <w:jc w:val="left"/>
            </w:pPr>
            <w:r w:rsidRPr="00397DDB">
              <w:rPr>
                <w:b/>
              </w:rPr>
              <w:t>BLANEY MCMURTRY LLP</w:t>
            </w:r>
            <w:r w:rsidRPr="00397DDB" w:rsidR="00571E13">
              <w:br/>
              <w:t>2 Queen Street</w:t>
            </w:r>
            <w:r w:rsidRPr="00397DDB" w:rsidR="00F324D0">
              <w:t xml:space="preserve"> East</w:t>
            </w:r>
            <w:r w:rsidRPr="00397DDB" w:rsidR="00571E13">
              <w:t>, Suite 1500</w:t>
            </w:r>
            <w:r w:rsidRPr="00397DDB" w:rsidR="00571E13">
              <w:br/>
              <w:t>Toronto, ON  M5C 3G5</w:t>
            </w:r>
          </w:p>
          <w:p w:rsidR="00DB070E" w:rsidRPr="00397DDB" w:rsidP="00397DDB" w14:paraId="00BF171C" w14:textId="50AD426F">
            <w:pPr>
              <w:jc w:val="left"/>
              <w:rPr>
                <w:bCs/>
              </w:rPr>
            </w:pPr>
            <w:r w:rsidRPr="00397DDB">
              <w:rPr>
                <w:b/>
              </w:rPr>
              <w:t>David R. Mackenzie</w:t>
            </w:r>
            <w:r w:rsidRPr="00397DDB">
              <w:rPr>
                <w:bCs/>
              </w:rPr>
              <w:br/>
              <w:t>Tel:</w:t>
            </w:r>
            <w:r w:rsidRPr="00397DDB">
              <w:rPr>
                <w:bCs/>
              </w:rPr>
              <w:tab/>
              <w:t>416-597-4890</w:t>
            </w:r>
            <w:r w:rsidRPr="00397DDB">
              <w:rPr>
                <w:bCs/>
              </w:rPr>
              <w:br/>
              <w:t>Email:</w:t>
            </w:r>
            <w:r w:rsidRPr="00397DDB">
              <w:rPr>
                <w:bCs/>
              </w:rPr>
              <w:tab/>
              <w:t>dmackenzie@blaney.com</w:t>
            </w:r>
          </w:p>
          <w:p w:rsidR="00571E13" w:rsidRPr="00397DDB" w:rsidP="00397DDB" w14:paraId="58AD0D8E" w14:textId="4C91643B">
            <w:pPr>
              <w:jc w:val="left"/>
            </w:pPr>
            <w:r w:rsidRPr="00397DDB">
              <w:rPr>
                <w:b/>
              </w:rPr>
              <w:t>David Ullmann</w:t>
            </w:r>
            <w:r w:rsidRPr="00397DDB">
              <w:br/>
              <w:t>Tel:</w:t>
            </w:r>
            <w:r w:rsidRPr="00397DDB">
              <w:tab/>
              <w:t>416-596-4289</w:t>
            </w:r>
            <w:r w:rsidRPr="00397DDB">
              <w:br/>
              <w:t>Email:</w:t>
            </w:r>
            <w:r w:rsidRPr="00397DDB">
              <w:tab/>
              <w:t xml:space="preserve">dullmann@blaney.com </w:t>
            </w:r>
          </w:p>
          <w:p w:rsidR="009E40C3" w:rsidRPr="00397DDB" w:rsidP="00397DDB" w14:paraId="3A353549" w14:textId="77777777">
            <w:pPr>
              <w:jc w:val="left"/>
            </w:pPr>
            <w:r w:rsidRPr="00397DDB">
              <w:rPr>
                <w:b/>
              </w:rPr>
              <w:t>Alexandra Teodorescu</w:t>
            </w:r>
            <w:r w:rsidRPr="00397DDB">
              <w:br/>
              <w:t>Tel:</w:t>
            </w:r>
            <w:r w:rsidRPr="00397DDB">
              <w:tab/>
              <w:t>416-596-4279</w:t>
            </w:r>
            <w:r w:rsidRPr="00397DDB">
              <w:br/>
              <w:t>Email:</w:t>
            </w:r>
            <w:r w:rsidRPr="00397DDB">
              <w:tab/>
              <w:t xml:space="preserve">ateodorescu@blaney.com </w:t>
            </w:r>
          </w:p>
          <w:p w:rsidR="00571E13" w:rsidRPr="00397DDB" w:rsidP="00397DDB" w14:paraId="74E6626A" w14:textId="060D71FA">
            <w:pPr>
              <w:jc w:val="left"/>
            </w:pPr>
            <w:r w:rsidRPr="00397DDB">
              <w:t xml:space="preserve">Lawyers for La Nordique Compagnie D’Assurance du Canada </w:t>
            </w:r>
          </w:p>
        </w:tc>
      </w:tr>
      <w:tr w14:paraId="4022105C" w14:textId="77777777" w:rsidTr="00397DDB">
        <w:tblPrEx>
          <w:tblW w:w="9625" w:type="dxa"/>
          <w:tblLook w:val="04A0"/>
        </w:tblPrEx>
        <w:tc>
          <w:tcPr>
            <w:tcW w:w="1525" w:type="dxa"/>
          </w:tcPr>
          <w:p w:rsidR="00426CE8" w:rsidRPr="00397DDB" w:rsidP="00397DDB" w14:paraId="43D435C6" w14:textId="0C0ED341">
            <w:pPr>
              <w:jc w:val="left"/>
              <w:rPr>
                <w:b/>
                <w:caps/>
              </w:rPr>
            </w:pPr>
            <w:r w:rsidRPr="00397DDB">
              <w:rPr>
                <w:b/>
                <w:caps/>
              </w:rPr>
              <w:t>AND TO:</w:t>
            </w:r>
          </w:p>
        </w:tc>
        <w:tc>
          <w:tcPr>
            <w:tcW w:w="8100" w:type="dxa"/>
          </w:tcPr>
          <w:p w:rsidR="00426CE8" w:rsidRPr="00397DDB" w:rsidP="00397DDB" w14:paraId="515505B8" w14:textId="613BC49C">
            <w:pPr>
              <w:jc w:val="left"/>
            </w:pPr>
            <w:bookmarkStart w:id="2" w:name="_Hlk182821670"/>
            <w:r w:rsidRPr="00397DDB">
              <w:rPr>
                <w:b/>
              </w:rPr>
              <w:t>ST-PIERRE</w:t>
            </w:r>
            <w:r w:rsidRPr="00397DDB" w:rsidR="00E612A4">
              <w:rPr>
                <w:b/>
              </w:rPr>
              <w:t xml:space="preserve"> LÉTOURNEAU</w:t>
            </w:r>
            <w:r w:rsidRPr="00397DDB">
              <w:br/>
              <w:t>2600, boul</w:t>
            </w:r>
            <w:r w:rsidRPr="00397DDB">
              <w:t>evard</w:t>
            </w:r>
            <w:r w:rsidRPr="00397DDB">
              <w:t xml:space="preserve"> Laurier, </w:t>
            </w:r>
            <w:r w:rsidRPr="00397DDB">
              <w:t>porte</w:t>
            </w:r>
            <w:r w:rsidRPr="00397DDB">
              <w:t>760</w:t>
            </w:r>
            <w:r w:rsidRPr="00397DDB">
              <w:br/>
              <w:t xml:space="preserve">Quebec, </w:t>
            </w:r>
            <w:r w:rsidRPr="00397DDB" w:rsidR="003D78A2">
              <w:t>QC</w:t>
            </w:r>
            <w:r w:rsidRPr="00397DDB">
              <w:t xml:space="preserve">  G1V 4T3</w:t>
            </w:r>
          </w:p>
          <w:p w:rsidR="00426CE8" w:rsidRPr="00397DDB" w:rsidP="00397DDB" w14:paraId="77F967B4" w14:textId="4F9610D5">
            <w:pPr>
              <w:jc w:val="left"/>
            </w:pPr>
            <w:r w:rsidRPr="00397DDB">
              <w:rPr>
                <w:b/>
              </w:rPr>
              <w:t>Marc-André Maltais</w:t>
            </w:r>
            <w:r w:rsidRPr="00397DDB">
              <w:br/>
              <w:t>Tel:</w:t>
            </w:r>
            <w:r w:rsidRPr="00397DDB">
              <w:tab/>
              <w:t>418-657-8702, ext. 3</w:t>
            </w:r>
            <w:r w:rsidRPr="00397DDB">
              <w:t>107</w:t>
            </w:r>
            <w:r w:rsidRPr="00397DDB">
              <w:br/>
              <w:t>Email:</w:t>
            </w:r>
            <w:r w:rsidRPr="00397DDB">
              <w:tab/>
            </w:r>
            <w:r w:rsidRPr="00397DDB">
              <w:t>marc-andre.maltais1</w:t>
            </w:r>
            <w:r w:rsidRPr="00397DDB" w:rsidR="00B11ABB">
              <w:t>@retraitequebec.gouv.qc.ca</w:t>
            </w:r>
          </w:p>
          <w:p w:rsidR="00426CE8" w:rsidRPr="00397DDB" w:rsidP="00397DDB" w14:paraId="3F1FC053" w14:textId="20DAF315">
            <w:pPr>
              <w:jc w:val="left"/>
            </w:pPr>
            <w:r w:rsidRPr="00397DDB">
              <w:t>Lawyers for Retraite Québec</w:t>
            </w:r>
            <w:bookmarkEnd w:id="2"/>
          </w:p>
        </w:tc>
      </w:tr>
      <w:tr w14:paraId="45685F69" w14:textId="77777777" w:rsidTr="00397DDB">
        <w:tblPrEx>
          <w:tblW w:w="9625" w:type="dxa"/>
          <w:tblLook w:val="04A0"/>
        </w:tblPrEx>
        <w:tc>
          <w:tcPr>
            <w:tcW w:w="1525" w:type="dxa"/>
          </w:tcPr>
          <w:p w:rsidR="00D04C88" w:rsidRPr="00397DDB" w:rsidP="00397DDB" w14:paraId="415E084D" w14:textId="24DEC93B">
            <w:pPr>
              <w:jc w:val="left"/>
              <w:rPr>
                <w:b/>
              </w:rPr>
            </w:pPr>
            <w:r w:rsidRPr="00397DDB">
              <w:rPr>
                <w:b/>
              </w:rPr>
              <w:t>AND TO:</w:t>
            </w:r>
          </w:p>
        </w:tc>
        <w:tc>
          <w:tcPr>
            <w:tcW w:w="8100" w:type="dxa"/>
          </w:tcPr>
          <w:p w:rsidR="00D04C88" w:rsidRPr="00397DDB" w:rsidP="00397DDB" w14:paraId="686EC02E" w14:textId="77777777">
            <w:pPr>
              <w:jc w:val="left"/>
            </w:pPr>
            <w:r w:rsidRPr="00397DDB">
              <w:rPr>
                <w:b/>
              </w:rPr>
              <w:t xml:space="preserve">LECKER &amp; ASSOCIATES </w:t>
            </w:r>
            <w:r w:rsidRPr="00397DDB">
              <w:br/>
              <w:t>4789 Yonge Street, Suite 514</w:t>
            </w:r>
            <w:r w:rsidRPr="00397DDB">
              <w:br/>
              <w:t>Toronto, ON  M2N 0G3</w:t>
            </w:r>
          </w:p>
          <w:p w:rsidR="00D04C88" w:rsidRPr="00397DDB" w:rsidP="00397DDB" w14:paraId="026763DB" w14:textId="4C7E56C4">
            <w:pPr>
              <w:jc w:val="left"/>
            </w:pPr>
            <w:r w:rsidRPr="00397DDB">
              <w:rPr>
                <w:b/>
              </w:rPr>
              <w:t>Maria Esmatyar</w:t>
            </w:r>
            <w:r w:rsidRPr="00397DDB">
              <w:br/>
              <w:t>Email:</w:t>
            </w:r>
            <w:r w:rsidRPr="00397DDB">
              <w:tab/>
            </w:r>
            <w:r w:rsidRPr="00397DDB">
              <w:t>mesmatyar</w:t>
            </w:r>
            <w:r w:rsidRPr="00397DDB">
              <w:t xml:space="preserve">@leckerslaw.com </w:t>
            </w:r>
          </w:p>
          <w:p w:rsidR="00D04C88" w:rsidRPr="00397DDB" w:rsidP="00397DDB" w14:paraId="4F71376E" w14:textId="46A29EE7">
            <w:pPr>
              <w:jc w:val="left"/>
            </w:pPr>
            <w:r w:rsidRPr="00397DDB">
              <w:t xml:space="preserve">Lawyer for Imperial Tobacco claimant </w:t>
            </w:r>
          </w:p>
        </w:tc>
      </w:tr>
      <w:tr w14:paraId="0FE86A65" w14:textId="77777777" w:rsidTr="00397DDB">
        <w:tblPrEx>
          <w:tblW w:w="9625" w:type="dxa"/>
          <w:tblLook w:val="04A0"/>
        </w:tblPrEx>
        <w:tc>
          <w:tcPr>
            <w:tcW w:w="1525" w:type="dxa"/>
          </w:tcPr>
          <w:p w:rsidR="00E74023" w:rsidRPr="00397DDB" w:rsidP="00397DDB" w14:paraId="4E80B84F" w14:textId="26581F42">
            <w:pPr>
              <w:jc w:val="left"/>
              <w:rPr>
                <w:b/>
              </w:rPr>
            </w:pPr>
            <w:r w:rsidRPr="00397DDB">
              <w:rPr>
                <w:b/>
              </w:rPr>
              <w:t>AND TO:</w:t>
            </w:r>
          </w:p>
        </w:tc>
        <w:tc>
          <w:tcPr>
            <w:tcW w:w="8100" w:type="dxa"/>
          </w:tcPr>
          <w:p w:rsidR="00E74023" w:rsidRPr="00397DDB" w:rsidP="00397DDB" w14:paraId="735262B6" w14:textId="705CD913">
            <w:pPr>
              <w:jc w:val="left"/>
              <w:rPr>
                <w:bCs/>
              </w:rPr>
            </w:pPr>
            <w:r w:rsidRPr="00397DDB">
              <w:rPr>
                <w:b/>
              </w:rPr>
              <w:t>McMILLAN LLP</w:t>
            </w:r>
            <w:r w:rsidRPr="00397DDB">
              <w:rPr>
                <w:bCs/>
              </w:rPr>
              <w:br/>
              <w:t>181 Bay Street, Suite 4400</w:t>
            </w:r>
            <w:r w:rsidRPr="00397DDB">
              <w:rPr>
                <w:bCs/>
              </w:rPr>
              <w:br/>
              <w:t>Toronto, ON  M5J 2T3</w:t>
            </w:r>
            <w:r w:rsidRPr="00397DDB">
              <w:rPr>
                <w:bCs/>
              </w:rPr>
              <w:br/>
              <w:t>Fax:</w:t>
            </w:r>
            <w:r w:rsidRPr="00397DDB">
              <w:rPr>
                <w:bCs/>
              </w:rPr>
              <w:tab/>
              <w:t>416-865-7048</w:t>
            </w:r>
          </w:p>
          <w:p w:rsidR="00934153" w:rsidRPr="00397DDB" w:rsidP="00397DDB" w14:paraId="783D26BE" w14:textId="77777777">
            <w:pPr>
              <w:jc w:val="left"/>
              <w:rPr>
                <w:bCs/>
              </w:rPr>
            </w:pPr>
            <w:r w:rsidRPr="00397DDB">
              <w:rPr>
                <w:b/>
              </w:rPr>
              <w:t>Brett Harrison</w:t>
            </w:r>
            <w:r w:rsidRPr="00397DDB">
              <w:rPr>
                <w:bCs/>
              </w:rPr>
              <w:br/>
              <w:t>Tel:</w:t>
            </w:r>
            <w:r w:rsidRPr="00397DDB">
              <w:rPr>
                <w:bCs/>
              </w:rPr>
              <w:tab/>
              <w:t>416-865-7932</w:t>
            </w:r>
            <w:r w:rsidRPr="00397DDB">
              <w:rPr>
                <w:bCs/>
              </w:rPr>
              <w:br/>
              <w:t>Email:</w:t>
            </w:r>
            <w:r w:rsidRPr="00397DDB">
              <w:rPr>
                <w:bCs/>
              </w:rPr>
              <w:tab/>
              <w:t>brett.harrison@mcmillan.ca</w:t>
            </w:r>
          </w:p>
          <w:p w:rsidR="00632993" w:rsidRPr="00397DDB" w:rsidP="00397DDB" w14:paraId="0594D1D9" w14:textId="7A2FCAC4">
            <w:pPr>
              <w:jc w:val="left"/>
              <w:rPr>
                <w:bCs/>
              </w:rPr>
            </w:pPr>
            <w:r w:rsidRPr="00397DDB">
              <w:rPr>
                <w:b/>
              </w:rPr>
              <w:t>Tushara Weerasooriya</w:t>
            </w:r>
            <w:r w:rsidRPr="00397DDB">
              <w:rPr>
                <w:bCs/>
              </w:rPr>
              <w:br/>
              <w:t>Tel:</w:t>
            </w:r>
            <w:r w:rsidRPr="00397DDB">
              <w:rPr>
                <w:bCs/>
              </w:rPr>
              <w:tab/>
              <w:t>416-865-7890</w:t>
            </w:r>
            <w:r w:rsidRPr="00397DDB">
              <w:rPr>
                <w:bCs/>
              </w:rPr>
              <w:br/>
              <w:t>Email:</w:t>
            </w:r>
            <w:r w:rsidRPr="00397DDB">
              <w:rPr>
                <w:bCs/>
              </w:rPr>
              <w:tab/>
              <w:t>tushara.weerasooriya@mcmillan.ca</w:t>
            </w:r>
          </w:p>
          <w:p w:rsidR="00E74023" w:rsidRPr="00397DDB" w:rsidP="00397DDB" w14:paraId="4C1D077A" w14:textId="63C3F287">
            <w:pPr>
              <w:jc w:val="left"/>
              <w:rPr>
                <w:bCs/>
              </w:rPr>
            </w:pPr>
            <w:r w:rsidRPr="00397DDB">
              <w:rPr>
                <w:b/>
              </w:rPr>
              <w:t>Guneev Bhinder</w:t>
            </w:r>
            <w:r w:rsidRPr="00397DDB">
              <w:rPr>
                <w:bCs/>
              </w:rPr>
              <w:br/>
              <w:t>Tel:</w:t>
            </w:r>
            <w:r w:rsidRPr="00397DDB">
              <w:rPr>
                <w:bCs/>
              </w:rPr>
              <w:tab/>
              <w:t>416-</w:t>
            </w:r>
            <w:r w:rsidRPr="00397DDB">
              <w:rPr>
                <w:bCs/>
              </w:rPr>
              <w:t>307-4067</w:t>
            </w:r>
            <w:r w:rsidRPr="00397DDB">
              <w:rPr>
                <w:bCs/>
              </w:rPr>
              <w:br/>
              <w:t>Email:</w:t>
            </w:r>
            <w:r w:rsidRPr="00397DDB">
              <w:rPr>
                <w:bCs/>
              </w:rPr>
              <w:tab/>
            </w:r>
            <w:r w:rsidRPr="00397DDB">
              <w:rPr>
                <w:bCs/>
              </w:rPr>
              <w:t>guneev.bhinder</w:t>
            </w:r>
            <w:r w:rsidRPr="00397DDB" w:rsidR="00934153">
              <w:rPr>
                <w:bCs/>
              </w:rPr>
              <w:t>@mcmillan.ca</w:t>
            </w:r>
          </w:p>
          <w:p w:rsidR="00E74023" w:rsidRPr="00397DDB" w:rsidP="00397DDB" w14:paraId="3B2B870A" w14:textId="4FE5AA32">
            <w:pPr>
              <w:jc w:val="left"/>
              <w:rPr>
                <w:bCs/>
              </w:rPr>
            </w:pPr>
            <w:r w:rsidRPr="00397DDB">
              <w:rPr>
                <w:bCs/>
              </w:rPr>
              <w:t>Lawyers for the Province of Quebec</w:t>
            </w:r>
          </w:p>
        </w:tc>
      </w:tr>
      <w:tr w14:paraId="65662B2A" w14:textId="77777777" w:rsidTr="00397DDB">
        <w:tblPrEx>
          <w:tblW w:w="9625" w:type="dxa"/>
          <w:tblLook w:val="04A0"/>
        </w:tblPrEx>
        <w:tc>
          <w:tcPr>
            <w:tcW w:w="1525" w:type="dxa"/>
          </w:tcPr>
          <w:p w:rsidR="007A38C8" w:rsidRPr="00397DDB" w:rsidP="00397DDB" w14:paraId="20093730" w14:textId="66990B24">
            <w:pPr>
              <w:jc w:val="left"/>
              <w:rPr>
                <w:b/>
              </w:rPr>
            </w:pPr>
            <w:r w:rsidRPr="00397DDB">
              <w:rPr>
                <w:b/>
              </w:rPr>
              <w:t>AND TO:</w:t>
            </w:r>
          </w:p>
        </w:tc>
        <w:tc>
          <w:tcPr>
            <w:tcW w:w="8100" w:type="dxa"/>
          </w:tcPr>
          <w:p w:rsidR="007A38C8" w:rsidRPr="00397DDB" w:rsidP="00397DDB" w14:paraId="5BDFE80E" w14:textId="77777777">
            <w:pPr>
              <w:jc w:val="left"/>
              <w:rPr>
                <w:bCs/>
              </w:rPr>
            </w:pPr>
            <w:r w:rsidRPr="00397DDB">
              <w:rPr>
                <w:b/>
              </w:rPr>
              <w:t>ATTORNEY GENERAL OF CANADA</w:t>
            </w:r>
            <w:r w:rsidRPr="00397DDB">
              <w:rPr>
                <w:bCs/>
              </w:rPr>
              <w:br/>
              <w:t>Department of Justice Canada</w:t>
            </w:r>
            <w:r w:rsidRPr="00397DDB">
              <w:rPr>
                <w:bCs/>
              </w:rPr>
              <w:br/>
              <w:t>Ontario Regional Office, L.E.A.D.</w:t>
            </w:r>
            <w:r w:rsidRPr="00397DDB">
              <w:rPr>
                <w:bCs/>
              </w:rPr>
              <w:br/>
              <w:t>120 Adelaide Street West, Suite 400</w:t>
            </w:r>
            <w:r w:rsidRPr="00397DDB">
              <w:rPr>
                <w:bCs/>
              </w:rPr>
              <w:br/>
              <w:t>Toronto, ON  M5H 1T1</w:t>
            </w:r>
          </w:p>
          <w:p w:rsidR="007A38C8" w:rsidRPr="00397DDB" w:rsidP="00397DDB" w14:paraId="1C96EF47" w14:textId="7E565039">
            <w:pPr>
              <w:jc w:val="left"/>
              <w:rPr>
                <w:bCs/>
              </w:rPr>
            </w:pPr>
            <w:r w:rsidRPr="00397DDB">
              <w:rPr>
                <w:b/>
              </w:rPr>
              <w:t>Victor Paolone</w:t>
            </w:r>
            <w:r w:rsidRPr="00397DDB">
              <w:rPr>
                <w:bCs/>
              </w:rPr>
              <w:br/>
              <w:t>Tel:</w:t>
            </w:r>
            <w:r w:rsidRPr="00397DDB">
              <w:rPr>
                <w:bCs/>
              </w:rPr>
              <w:tab/>
              <w:t>647-256-7548</w:t>
            </w:r>
            <w:r w:rsidRPr="00397DDB">
              <w:rPr>
                <w:bCs/>
              </w:rPr>
              <w:br/>
              <w:t>Email:</w:t>
            </w:r>
            <w:r w:rsidRPr="00397DDB">
              <w:rPr>
                <w:bCs/>
              </w:rPr>
              <w:tab/>
              <w:t>victor.paolone@justice.gc.ca</w:t>
            </w:r>
          </w:p>
        </w:tc>
      </w:tr>
      <w:tr w14:paraId="26786EB3" w14:textId="77777777" w:rsidTr="00397DDB">
        <w:tblPrEx>
          <w:tblW w:w="9625" w:type="dxa"/>
          <w:tblLook w:val="04A0"/>
        </w:tblPrEx>
        <w:tc>
          <w:tcPr>
            <w:tcW w:w="1525" w:type="dxa"/>
          </w:tcPr>
          <w:p w:rsidR="00A95B26" w:rsidRPr="00397DDB" w:rsidP="00397DDB" w14:paraId="0B84D82F" w14:textId="05B95DBA">
            <w:pPr>
              <w:jc w:val="left"/>
              <w:rPr>
                <w:b/>
              </w:rPr>
            </w:pPr>
            <w:r w:rsidRPr="00397DDB">
              <w:rPr>
                <w:b/>
              </w:rPr>
              <w:t>AND TO:</w:t>
            </w:r>
          </w:p>
        </w:tc>
        <w:tc>
          <w:tcPr>
            <w:tcW w:w="8100" w:type="dxa"/>
          </w:tcPr>
          <w:p w:rsidR="00A95B26" w:rsidRPr="00397DDB" w:rsidP="00397DDB" w14:paraId="1D1D5006" w14:textId="1743A566">
            <w:pPr>
              <w:jc w:val="left"/>
            </w:pPr>
            <w:r w:rsidRPr="00397DDB">
              <w:rPr>
                <w:b/>
              </w:rPr>
              <w:t>McMILLAN LLP</w:t>
            </w:r>
            <w:r w:rsidRPr="00397DDB">
              <w:br/>
              <w:t>Brookfield Place</w:t>
            </w:r>
            <w:r w:rsidRPr="00397DDB">
              <w:br/>
              <w:t>181 Bay Street, Suite 4400</w:t>
            </w:r>
            <w:r w:rsidRPr="00397DDB">
              <w:br/>
              <w:t>Toronto, ON  M5J 2T3</w:t>
            </w:r>
            <w:r w:rsidRPr="00397DDB" w:rsidR="001736B3">
              <w:br/>
              <w:t>Fax:</w:t>
            </w:r>
            <w:r w:rsidRPr="00397DDB" w:rsidR="001736B3">
              <w:tab/>
              <w:t>416-865-7048</w:t>
            </w:r>
          </w:p>
          <w:p w:rsidR="00A95B26" w:rsidRPr="00397DDB" w:rsidP="00397DDB" w14:paraId="2667269B" w14:textId="21AA1816">
            <w:pPr>
              <w:jc w:val="left"/>
            </w:pPr>
            <w:r w:rsidRPr="00397DDB">
              <w:rPr>
                <w:b/>
              </w:rPr>
              <w:t>Stephen Brown-Okruhlik</w:t>
            </w:r>
            <w:r w:rsidRPr="00397DDB">
              <w:br/>
              <w:t>Tel:</w:t>
            </w:r>
            <w:r w:rsidRPr="00397DDB">
              <w:tab/>
              <w:t>416-865-</w:t>
            </w:r>
            <w:r w:rsidRPr="00397DDB" w:rsidR="001736B3">
              <w:t>7043</w:t>
            </w:r>
            <w:r w:rsidRPr="00397DDB">
              <w:br/>
              <w:t>Email:</w:t>
            </w:r>
            <w:r w:rsidRPr="00397DDB">
              <w:tab/>
            </w:r>
            <w:r w:rsidRPr="00397DDB" w:rsidR="001736B3">
              <w:t>stephen.brown-okruhlik</w:t>
            </w:r>
            <w:r w:rsidRPr="00397DDB">
              <w:t>@mcmillan.ca</w:t>
            </w:r>
          </w:p>
          <w:p w:rsidR="00A95B26" w:rsidRPr="00397DDB" w:rsidP="00397DDB" w14:paraId="026637D4" w14:textId="3BA12F51">
            <w:pPr>
              <w:jc w:val="left"/>
              <w:rPr>
                <w:b/>
              </w:rPr>
            </w:pPr>
            <w:r w:rsidRPr="00397DDB">
              <w:t xml:space="preserve">Lawyers for </w:t>
            </w:r>
            <w:r w:rsidRPr="00397DDB" w:rsidR="001736B3">
              <w:t>Citibank Canada</w:t>
            </w:r>
          </w:p>
        </w:tc>
      </w:tr>
      <w:tr w14:paraId="3EDD452B" w14:textId="77777777" w:rsidTr="00397DDB">
        <w:tblPrEx>
          <w:tblW w:w="9625" w:type="dxa"/>
          <w:tblLook w:val="04A0"/>
        </w:tblPrEx>
        <w:tc>
          <w:tcPr>
            <w:tcW w:w="1525" w:type="dxa"/>
          </w:tcPr>
          <w:p w:rsidR="00E02CED" w:rsidRPr="00397DDB" w:rsidP="00397DDB" w14:paraId="224C8EE0" w14:textId="3A18B3DD">
            <w:pPr>
              <w:jc w:val="left"/>
              <w:rPr>
                <w:b/>
              </w:rPr>
            </w:pPr>
            <w:r w:rsidRPr="00397DDB">
              <w:rPr>
                <w:b/>
              </w:rPr>
              <w:t>AND TO:</w:t>
            </w:r>
          </w:p>
        </w:tc>
        <w:tc>
          <w:tcPr>
            <w:tcW w:w="8100" w:type="dxa"/>
          </w:tcPr>
          <w:p w:rsidR="00E02CED" w:rsidRPr="00397DDB" w:rsidP="00397DDB" w14:paraId="4438B261" w14:textId="77777777">
            <w:pPr>
              <w:jc w:val="left"/>
              <w:rPr>
                <w:bCs/>
              </w:rPr>
            </w:pPr>
            <w:r w:rsidRPr="00397DDB">
              <w:rPr>
                <w:b/>
              </w:rPr>
              <w:t>BORDEN LADNER GERVAIS LLP</w:t>
            </w:r>
            <w:r w:rsidRPr="00397DDB">
              <w:rPr>
                <w:bCs/>
              </w:rPr>
              <w:br/>
              <w:t>Bay Adelaide Centre, East Tower</w:t>
            </w:r>
            <w:r w:rsidRPr="00397DDB">
              <w:rPr>
                <w:bCs/>
              </w:rPr>
              <w:br/>
              <w:t>22 Adelaide Street West, Suite 3400</w:t>
            </w:r>
            <w:r w:rsidRPr="00397DDB">
              <w:rPr>
                <w:bCs/>
              </w:rPr>
              <w:br/>
              <w:t>Toronto, ON  M5H 4E3</w:t>
            </w:r>
            <w:r w:rsidRPr="00397DDB">
              <w:rPr>
                <w:bCs/>
              </w:rPr>
              <w:br/>
              <w:t>Fax:</w:t>
            </w:r>
            <w:r w:rsidRPr="00397DDB">
              <w:rPr>
                <w:bCs/>
              </w:rPr>
              <w:tab/>
              <w:t>416-367-6749</w:t>
            </w:r>
          </w:p>
          <w:p w:rsidR="00E02CED" w:rsidRPr="00397DDB" w:rsidP="00397DDB" w14:paraId="73BB7AD1" w14:textId="77777777">
            <w:pPr>
              <w:jc w:val="left"/>
              <w:rPr>
                <w:bCs/>
              </w:rPr>
            </w:pPr>
            <w:r w:rsidRPr="00397DDB">
              <w:rPr>
                <w:b/>
              </w:rPr>
              <w:t>Alex MacFarlane</w:t>
            </w:r>
            <w:r w:rsidRPr="00397DDB">
              <w:rPr>
                <w:bCs/>
              </w:rPr>
              <w:br/>
              <w:t>Tel:</w:t>
            </w:r>
            <w:r w:rsidRPr="00397DDB">
              <w:rPr>
                <w:bCs/>
              </w:rPr>
              <w:tab/>
              <w:t>416-367-6305</w:t>
            </w:r>
            <w:r w:rsidRPr="00397DDB">
              <w:rPr>
                <w:bCs/>
              </w:rPr>
              <w:br/>
              <w:t>Email:</w:t>
            </w:r>
            <w:r w:rsidRPr="00397DDB">
              <w:rPr>
                <w:bCs/>
              </w:rPr>
              <w:tab/>
              <w:t>amacfarlane@blg.com</w:t>
            </w:r>
          </w:p>
          <w:p w:rsidR="00E02CED" w:rsidRPr="00397DDB" w:rsidP="00397DDB" w14:paraId="3AB72E76" w14:textId="77777777">
            <w:pPr>
              <w:jc w:val="left"/>
              <w:rPr>
                <w:bCs/>
              </w:rPr>
            </w:pPr>
            <w:r w:rsidRPr="00397DDB">
              <w:rPr>
                <w:b/>
              </w:rPr>
              <w:t>James W. MacLellan</w:t>
            </w:r>
            <w:r w:rsidRPr="00397DDB">
              <w:rPr>
                <w:bCs/>
              </w:rPr>
              <w:br/>
              <w:t>Tel:</w:t>
            </w:r>
            <w:r w:rsidRPr="00397DDB">
              <w:rPr>
                <w:bCs/>
              </w:rPr>
              <w:tab/>
              <w:t>416-367-6592</w:t>
            </w:r>
            <w:r w:rsidRPr="00397DDB">
              <w:rPr>
                <w:bCs/>
              </w:rPr>
              <w:br/>
              <w:t>Email:</w:t>
            </w:r>
            <w:r w:rsidRPr="00397DDB">
              <w:rPr>
                <w:bCs/>
              </w:rPr>
              <w:tab/>
              <w:t>jmaclellan@blg.com</w:t>
            </w:r>
          </w:p>
          <w:p w:rsidR="00E02CED" w:rsidRPr="00397DDB" w:rsidP="00397DDB" w14:paraId="178F1EE0" w14:textId="004AC775">
            <w:pPr>
              <w:jc w:val="left"/>
              <w:rPr>
                <w:bCs/>
              </w:rPr>
            </w:pPr>
            <w:r w:rsidRPr="00397DDB">
              <w:rPr>
                <w:b/>
              </w:rPr>
              <w:t>Bevan Brooksbank</w:t>
            </w:r>
            <w:r w:rsidRPr="00397DDB">
              <w:rPr>
                <w:bCs/>
              </w:rPr>
              <w:t xml:space="preserve"> </w:t>
            </w:r>
            <w:r w:rsidRPr="00397DDB">
              <w:rPr>
                <w:bCs/>
              </w:rPr>
              <w:br/>
              <w:t>Tel:</w:t>
            </w:r>
            <w:r w:rsidRPr="00397DDB">
              <w:rPr>
                <w:bCs/>
              </w:rPr>
              <w:tab/>
              <w:t>416-367-</w:t>
            </w:r>
            <w:r w:rsidRPr="00397DDB">
              <w:rPr>
                <w:bCs/>
              </w:rPr>
              <w:t>6604</w:t>
            </w:r>
            <w:r w:rsidRPr="00397DDB">
              <w:rPr>
                <w:bCs/>
              </w:rPr>
              <w:br/>
              <w:t>Email:</w:t>
            </w:r>
            <w:r w:rsidRPr="00397DDB">
              <w:rPr>
                <w:bCs/>
              </w:rPr>
              <w:tab/>
            </w:r>
            <w:r w:rsidRPr="00397DDB">
              <w:rPr>
                <w:bCs/>
              </w:rPr>
              <w:t>bbrooksbank</w:t>
            </w:r>
            <w:r w:rsidRPr="00397DDB">
              <w:rPr>
                <w:bCs/>
              </w:rPr>
              <w:t>@blg.com</w:t>
            </w:r>
          </w:p>
          <w:p w:rsidR="000C4001" w:rsidRPr="00397DDB" w:rsidP="00397DDB" w14:paraId="253A6DDA" w14:textId="124D326E">
            <w:pPr>
              <w:jc w:val="left"/>
              <w:rPr>
                <w:bCs/>
              </w:rPr>
            </w:pPr>
            <w:r w:rsidRPr="00397DDB">
              <w:rPr>
                <w:b/>
              </w:rPr>
              <w:t>Nick Hollard</w:t>
            </w:r>
            <w:r w:rsidRPr="00397DDB">
              <w:rPr>
                <w:bCs/>
              </w:rPr>
              <w:br/>
              <w:t>Tel:</w:t>
            </w:r>
            <w:r w:rsidRPr="00397DDB">
              <w:rPr>
                <w:bCs/>
              </w:rPr>
              <w:tab/>
              <w:t>416-367-6545</w:t>
            </w:r>
            <w:r w:rsidRPr="00397DDB">
              <w:rPr>
                <w:bCs/>
              </w:rPr>
              <w:br/>
              <w:t>Email:</w:t>
            </w:r>
            <w:r w:rsidRPr="00397DDB">
              <w:rPr>
                <w:bCs/>
              </w:rPr>
              <w:tab/>
              <w:t>nhollard@blg.com</w:t>
            </w:r>
          </w:p>
          <w:p w:rsidR="00E02CED" w:rsidRPr="00397DDB" w:rsidP="00397DDB" w14:paraId="6E11E078" w14:textId="496D3F7F">
            <w:pPr>
              <w:jc w:val="left"/>
              <w:rPr>
                <w:bCs/>
              </w:rPr>
            </w:pPr>
            <w:r w:rsidRPr="00397DDB">
              <w:rPr>
                <w:bCs/>
              </w:rPr>
              <w:t>Lawyers for Chubb Insurance Company of Canada</w:t>
            </w:r>
          </w:p>
        </w:tc>
      </w:tr>
      <w:tr w14:paraId="3537F4CC" w14:textId="77777777" w:rsidTr="00397DDB">
        <w:tblPrEx>
          <w:tblW w:w="9625" w:type="dxa"/>
          <w:tblLook w:val="04A0"/>
        </w:tblPrEx>
        <w:tc>
          <w:tcPr>
            <w:tcW w:w="1525" w:type="dxa"/>
          </w:tcPr>
          <w:p w:rsidR="008D7049" w:rsidRPr="00397DDB" w:rsidP="00397DDB" w14:paraId="4E419A04" w14:textId="6B8AD313">
            <w:pPr>
              <w:jc w:val="left"/>
              <w:rPr>
                <w:b/>
              </w:rPr>
            </w:pPr>
            <w:r w:rsidRPr="00397DDB">
              <w:rPr>
                <w:b/>
              </w:rPr>
              <w:t>AND TO:</w:t>
            </w:r>
          </w:p>
        </w:tc>
        <w:tc>
          <w:tcPr>
            <w:tcW w:w="8100" w:type="dxa"/>
          </w:tcPr>
          <w:p w:rsidR="008D7049" w:rsidRPr="00397DDB" w:rsidP="00397DDB" w14:paraId="2320A2C9" w14:textId="77777777">
            <w:pPr>
              <w:jc w:val="left"/>
              <w:rPr>
                <w:bCs/>
              </w:rPr>
            </w:pPr>
            <w:r w:rsidRPr="00397DDB">
              <w:rPr>
                <w:b/>
              </w:rPr>
              <w:t>ROCHON GENOVA LLP</w:t>
            </w:r>
            <w:r w:rsidRPr="00397DDB">
              <w:rPr>
                <w:bCs/>
              </w:rPr>
              <w:br/>
              <w:t>Barristers ● Avocats</w:t>
            </w:r>
            <w:r w:rsidRPr="00397DDB">
              <w:rPr>
                <w:bCs/>
              </w:rPr>
              <w:br/>
              <w:t>121 Richmond Street West, Suite 900</w:t>
            </w:r>
            <w:r w:rsidRPr="00397DDB">
              <w:rPr>
                <w:bCs/>
              </w:rPr>
              <w:br/>
              <w:t>Toronto, ON  M5H 2K1</w:t>
            </w:r>
            <w:r w:rsidRPr="00397DDB">
              <w:rPr>
                <w:bCs/>
              </w:rPr>
              <w:br/>
              <w:t>Fax:</w:t>
            </w:r>
            <w:r w:rsidRPr="00397DDB">
              <w:rPr>
                <w:bCs/>
              </w:rPr>
              <w:tab/>
              <w:t>416-363-0263</w:t>
            </w:r>
          </w:p>
          <w:p w:rsidR="008D7049" w:rsidRPr="00397DDB" w:rsidP="00397DDB" w14:paraId="67DBAAF6" w14:textId="09C99236">
            <w:pPr>
              <w:jc w:val="left"/>
              <w:rPr>
                <w:bCs/>
              </w:rPr>
            </w:pPr>
            <w:r w:rsidRPr="00397DDB">
              <w:rPr>
                <w:b/>
              </w:rPr>
              <w:t>Joel P. Rochon</w:t>
            </w:r>
            <w:r w:rsidRPr="00397DDB" w:rsidR="002825D0">
              <w:rPr>
                <w:bCs/>
              </w:rPr>
              <w:br/>
              <w:t>Tel:</w:t>
            </w:r>
            <w:r w:rsidRPr="00397DDB" w:rsidR="002825D0">
              <w:rPr>
                <w:bCs/>
              </w:rPr>
              <w:tab/>
              <w:t>416-363-1867 x222</w:t>
            </w:r>
            <w:r w:rsidRPr="00397DDB" w:rsidR="002825D0">
              <w:rPr>
                <w:bCs/>
              </w:rPr>
              <w:br/>
              <w:t>Email:</w:t>
            </w:r>
            <w:r w:rsidRPr="00397DDB" w:rsidR="002825D0">
              <w:rPr>
                <w:bCs/>
              </w:rPr>
              <w:tab/>
              <w:t>jrochon@rochongenova.com</w:t>
            </w:r>
          </w:p>
          <w:p w:rsidR="002825D0" w:rsidRPr="00397DDB" w:rsidP="00397DDB" w14:paraId="45BE6BBC" w14:textId="13683583">
            <w:pPr>
              <w:jc w:val="left"/>
              <w:rPr>
                <w:bCs/>
              </w:rPr>
            </w:pPr>
            <w:r w:rsidRPr="00397DDB">
              <w:rPr>
                <w:bCs/>
              </w:rPr>
              <w:t>Lawyers for Suzanne Jacklin, Barbara Bourassa on behalf of the Estate of Mitchell David Bourassa, Roderick Dennis McDermid, Linda Dorion, Thelma Adams, Ben Sample and Deborah Kunta, in their capacity as Representative Plaintiffs in certain proposed class proceedings</w:t>
            </w:r>
          </w:p>
        </w:tc>
      </w:tr>
      <w:tr w14:paraId="5E2438DA" w14:textId="77777777" w:rsidTr="00397DDB">
        <w:tblPrEx>
          <w:tblW w:w="9625" w:type="dxa"/>
          <w:tblLook w:val="04A0"/>
        </w:tblPrEx>
        <w:tc>
          <w:tcPr>
            <w:tcW w:w="1525" w:type="dxa"/>
          </w:tcPr>
          <w:p w:rsidR="002825D0" w:rsidRPr="00397DDB" w:rsidP="00397DDB" w14:paraId="41C0B7A0" w14:textId="6BF25AA9">
            <w:pPr>
              <w:jc w:val="left"/>
              <w:rPr>
                <w:b/>
              </w:rPr>
            </w:pPr>
            <w:r w:rsidRPr="00397DDB">
              <w:rPr>
                <w:b/>
              </w:rPr>
              <w:t>AND TO:</w:t>
            </w:r>
          </w:p>
        </w:tc>
        <w:tc>
          <w:tcPr>
            <w:tcW w:w="8100" w:type="dxa"/>
          </w:tcPr>
          <w:p w:rsidR="00894468" w:rsidRPr="00397DDB" w:rsidP="00397DDB" w14:paraId="20161F4B" w14:textId="2C946A74">
            <w:pPr>
              <w:jc w:val="left"/>
              <w:rPr>
                <w:bCs/>
              </w:rPr>
            </w:pPr>
            <w:r w:rsidRPr="00397DDB">
              <w:rPr>
                <w:b/>
              </w:rPr>
              <w:t>WAGNERS</w:t>
            </w:r>
            <w:r w:rsidRPr="00397DDB">
              <w:rPr>
                <w:bCs/>
              </w:rPr>
              <w:br/>
              <w:t>1869 Upper Water Street, Suite PH301</w:t>
            </w:r>
            <w:r w:rsidRPr="00397DDB">
              <w:rPr>
                <w:bCs/>
              </w:rPr>
              <w:br/>
              <w:t>3</w:t>
            </w:r>
            <w:r w:rsidRPr="00397DDB">
              <w:rPr>
                <w:bCs/>
                <w:vertAlign w:val="superscript"/>
              </w:rPr>
              <w:t>rd</w:t>
            </w:r>
            <w:r w:rsidRPr="00397DDB">
              <w:rPr>
                <w:bCs/>
              </w:rPr>
              <w:t xml:space="preserve"> Floor, Pontac House, Historic Properties</w:t>
            </w:r>
            <w:r w:rsidRPr="00397DDB">
              <w:rPr>
                <w:bCs/>
              </w:rPr>
              <w:br/>
              <w:t>Halifax, NS  B3J 1S9</w:t>
            </w:r>
            <w:r w:rsidRPr="00397DDB">
              <w:rPr>
                <w:bCs/>
              </w:rPr>
              <w:br/>
              <w:t>Fax:</w:t>
            </w:r>
            <w:r w:rsidRPr="00397DDB">
              <w:rPr>
                <w:bCs/>
              </w:rPr>
              <w:tab/>
              <w:t>902-422-1233</w:t>
            </w:r>
          </w:p>
          <w:p w:rsidR="00894468" w:rsidRPr="00397DDB" w:rsidP="00397DDB" w14:paraId="16D6849B" w14:textId="017D6830">
            <w:pPr>
              <w:jc w:val="left"/>
              <w:rPr>
                <w:bCs/>
              </w:rPr>
            </w:pPr>
            <w:r w:rsidRPr="00397DDB">
              <w:rPr>
                <w:b/>
              </w:rPr>
              <w:t xml:space="preserve">Raymond F. Wagner, </w:t>
            </w:r>
            <w:r w:rsidRPr="00397DDB" w:rsidR="00722381">
              <w:rPr>
                <w:b/>
              </w:rPr>
              <w:t>K</w:t>
            </w:r>
            <w:r w:rsidRPr="00397DDB">
              <w:rPr>
                <w:b/>
              </w:rPr>
              <w:t>.C.</w:t>
            </w:r>
            <w:r w:rsidRPr="00397DDB">
              <w:rPr>
                <w:bCs/>
              </w:rPr>
              <w:br/>
              <w:t>Tel:</w:t>
            </w:r>
            <w:r w:rsidRPr="00397DDB">
              <w:rPr>
                <w:bCs/>
              </w:rPr>
              <w:tab/>
              <w:t>902-425-7330</w:t>
            </w:r>
            <w:r w:rsidRPr="00397DDB">
              <w:rPr>
                <w:bCs/>
              </w:rPr>
              <w:br/>
              <w:t>Email:</w:t>
            </w:r>
            <w:r w:rsidRPr="00397DDB">
              <w:rPr>
                <w:bCs/>
              </w:rPr>
              <w:tab/>
            </w:r>
            <w:r w:rsidRPr="00397DDB" w:rsidR="00D358B5">
              <w:rPr>
                <w:bCs/>
              </w:rPr>
              <w:t>raywagner@wagners.co</w:t>
            </w:r>
          </w:p>
          <w:p w:rsidR="00894468" w:rsidRPr="00397DDB" w:rsidP="00397DDB" w14:paraId="647FE100" w14:textId="77777777">
            <w:pPr>
              <w:jc w:val="left"/>
              <w:rPr>
                <w:bCs/>
              </w:rPr>
            </w:pPr>
            <w:r w:rsidRPr="00397DDB">
              <w:rPr>
                <w:b/>
              </w:rPr>
              <w:t>Kate Boyle</w:t>
            </w:r>
            <w:r w:rsidRPr="00397DDB">
              <w:rPr>
                <w:bCs/>
              </w:rPr>
              <w:br/>
              <w:t>Tel:</w:t>
            </w:r>
            <w:r w:rsidRPr="00397DDB">
              <w:rPr>
                <w:bCs/>
              </w:rPr>
              <w:tab/>
              <w:t>902-425-7330</w:t>
            </w:r>
            <w:r w:rsidRPr="00397DDB">
              <w:rPr>
                <w:bCs/>
              </w:rPr>
              <w:br/>
              <w:t>Email:</w:t>
            </w:r>
            <w:r w:rsidRPr="00397DDB">
              <w:rPr>
                <w:bCs/>
              </w:rPr>
              <w:tab/>
              <w:t>kboyle@wagners.co</w:t>
            </w:r>
          </w:p>
          <w:p w:rsidR="00E1500C" w:rsidRPr="00397DDB" w:rsidP="00397DDB" w14:paraId="3FAE71F1" w14:textId="4F18BA51">
            <w:pPr>
              <w:jc w:val="left"/>
              <w:rPr>
                <w:bCs/>
              </w:rPr>
            </w:pPr>
            <w:r w:rsidRPr="00397DDB">
              <w:rPr>
                <w:b/>
              </w:rPr>
              <w:t>Maddy Carter</w:t>
            </w:r>
            <w:r w:rsidRPr="00397DDB">
              <w:rPr>
                <w:bCs/>
              </w:rPr>
              <w:br/>
              <w:t>Tel:</w:t>
            </w:r>
            <w:r w:rsidRPr="00397DDB">
              <w:rPr>
                <w:bCs/>
              </w:rPr>
              <w:tab/>
              <w:t>902-425-7330</w:t>
            </w:r>
            <w:r w:rsidRPr="00397DDB">
              <w:rPr>
                <w:bCs/>
              </w:rPr>
              <w:br/>
              <w:t>Email:</w:t>
            </w:r>
            <w:r w:rsidRPr="00397DDB">
              <w:rPr>
                <w:bCs/>
              </w:rPr>
              <w:tab/>
              <w:t>mcarter@wagners.co</w:t>
            </w:r>
          </w:p>
          <w:p w:rsidR="004803DD" w:rsidRPr="00397DDB" w:rsidP="00397DDB" w14:paraId="71D18590" w14:textId="2D89DC87">
            <w:pPr>
              <w:jc w:val="left"/>
              <w:rPr>
                <w:bCs/>
              </w:rPr>
            </w:pPr>
            <w:r w:rsidRPr="00397DDB">
              <w:rPr>
                <w:b/>
              </w:rPr>
              <w:t>Lauren Harper</w:t>
            </w:r>
            <w:r w:rsidRPr="00397DDB">
              <w:rPr>
                <w:bCs/>
              </w:rPr>
              <w:br/>
              <w:t>Tel:</w:t>
            </w:r>
            <w:r w:rsidRPr="00397DDB">
              <w:rPr>
                <w:bCs/>
              </w:rPr>
              <w:tab/>
              <w:t>905-425-7330</w:t>
            </w:r>
            <w:r w:rsidRPr="00397DDB">
              <w:rPr>
                <w:bCs/>
              </w:rPr>
              <w:br/>
              <w:t>Email:</w:t>
            </w:r>
            <w:r w:rsidRPr="00397DDB">
              <w:rPr>
                <w:bCs/>
              </w:rPr>
              <w:tab/>
              <w:t>lharper@wagners.co</w:t>
            </w:r>
          </w:p>
          <w:p w:rsidR="00894468" w:rsidRPr="00397DDB" w:rsidP="00397DDB" w14:paraId="1951472D" w14:textId="59440C18">
            <w:pPr>
              <w:jc w:val="left"/>
              <w:rPr>
                <w:bCs/>
              </w:rPr>
            </w:pPr>
            <w:r w:rsidRPr="00397DDB">
              <w:rPr>
                <w:bCs/>
              </w:rPr>
              <w:t>Representative Counsel</w:t>
            </w:r>
          </w:p>
        </w:tc>
      </w:tr>
      <w:tr w14:paraId="3187346B" w14:textId="77777777" w:rsidTr="00397DDB">
        <w:tblPrEx>
          <w:tblW w:w="9625" w:type="dxa"/>
          <w:tblLook w:val="04A0"/>
        </w:tblPrEx>
        <w:tc>
          <w:tcPr>
            <w:tcW w:w="1525" w:type="dxa"/>
          </w:tcPr>
          <w:p w:rsidR="00D358B5" w:rsidRPr="00397DDB" w:rsidP="00397DDB" w14:paraId="1B0354B3" w14:textId="5DF9F814">
            <w:pPr>
              <w:jc w:val="left"/>
              <w:rPr>
                <w:b/>
              </w:rPr>
            </w:pPr>
            <w:r w:rsidRPr="00397DDB">
              <w:rPr>
                <w:b/>
              </w:rPr>
              <w:t>AND TO:</w:t>
            </w:r>
          </w:p>
        </w:tc>
        <w:tc>
          <w:tcPr>
            <w:tcW w:w="8100" w:type="dxa"/>
          </w:tcPr>
          <w:p w:rsidR="00D358B5" w:rsidRPr="00397DDB" w:rsidP="00397DDB" w14:paraId="1A1FA302" w14:textId="43351A88">
            <w:pPr>
              <w:jc w:val="left"/>
              <w:rPr>
                <w:bCs/>
              </w:rPr>
            </w:pPr>
            <w:r w:rsidRPr="00397DDB">
              <w:rPr>
                <w:b/>
              </w:rPr>
              <w:t>REVENU QUÉBEC</w:t>
            </w:r>
            <w:r w:rsidRPr="00397DDB">
              <w:rPr>
                <w:bCs/>
              </w:rPr>
              <w:br/>
              <w:t>1600, boul. René-Lévesque Ouest</w:t>
            </w:r>
            <w:r w:rsidRPr="00397DDB">
              <w:rPr>
                <w:bCs/>
              </w:rPr>
              <w:br/>
              <w:t>Secteur R23DGR</w:t>
            </w:r>
            <w:r w:rsidRPr="00397DDB">
              <w:rPr>
                <w:bCs/>
              </w:rPr>
              <w:br/>
              <w:t>Montréal, QC  H3H 2V2</w:t>
            </w:r>
          </w:p>
          <w:p w:rsidR="00D358B5" w:rsidRPr="00397DDB" w:rsidP="00397DDB" w14:paraId="69D528B2" w14:textId="4541B3EE">
            <w:pPr>
              <w:jc w:val="left"/>
              <w:rPr>
                <w:bCs/>
              </w:rPr>
            </w:pPr>
            <w:r w:rsidRPr="00397DDB">
              <w:rPr>
                <w:b/>
              </w:rPr>
              <w:t>Alain Casavant</w:t>
            </w:r>
            <w:r w:rsidRPr="00397DDB">
              <w:rPr>
                <w:bCs/>
              </w:rPr>
              <w:br/>
              <w:t>Email:</w:t>
            </w:r>
            <w:r w:rsidRPr="00397DDB">
              <w:rPr>
                <w:bCs/>
              </w:rPr>
              <w:tab/>
              <w:t>alain.casavant@revenuquebec.ca</w:t>
            </w:r>
          </w:p>
        </w:tc>
      </w:tr>
      <w:tr w14:paraId="2F22AA4C" w14:textId="77777777" w:rsidTr="00397DDB">
        <w:tblPrEx>
          <w:tblW w:w="9625" w:type="dxa"/>
          <w:tblLook w:val="04A0"/>
        </w:tblPrEx>
        <w:tc>
          <w:tcPr>
            <w:tcW w:w="1525" w:type="dxa"/>
          </w:tcPr>
          <w:p w:rsidR="00EA6B6C" w:rsidRPr="00397DDB" w:rsidP="00397DDB" w14:paraId="6D4BBEC1" w14:textId="7D349C27">
            <w:pPr>
              <w:jc w:val="left"/>
              <w:rPr>
                <w:b/>
              </w:rPr>
            </w:pPr>
            <w:r w:rsidRPr="00397DDB">
              <w:rPr>
                <w:b/>
              </w:rPr>
              <w:t>AND TO:</w:t>
            </w:r>
          </w:p>
        </w:tc>
        <w:tc>
          <w:tcPr>
            <w:tcW w:w="8100" w:type="dxa"/>
          </w:tcPr>
          <w:p w:rsidR="00EA6B6C" w:rsidRPr="00397DDB" w:rsidP="00397DDB" w14:paraId="180861EA" w14:textId="77777777">
            <w:pPr>
              <w:jc w:val="left"/>
              <w:rPr>
                <w:bCs/>
              </w:rPr>
            </w:pPr>
            <w:r w:rsidRPr="00397DDB">
              <w:rPr>
                <w:b/>
              </w:rPr>
              <w:t>PELLETIER D’AMOURS</w:t>
            </w:r>
            <w:r w:rsidRPr="00397DDB">
              <w:rPr>
                <w:bCs/>
              </w:rPr>
              <w:br/>
              <w:t>1, Complexe Desjardins Tour Sud, 12e étage</w:t>
            </w:r>
            <w:r w:rsidRPr="00397DDB">
              <w:rPr>
                <w:bCs/>
              </w:rPr>
              <w:br/>
              <w:t>Montreal, QC  H5B 1B1</w:t>
            </w:r>
          </w:p>
          <w:p w:rsidR="00EA6B6C" w:rsidRPr="00397DDB" w:rsidP="00397DDB" w14:paraId="11BFBF0C" w14:textId="1DA0D5EA">
            <w:pPr>
              <w:jc w:val="left"/>
              <w:rPr>
                <w:bCs/>
              </w:rPr>
            </w:pPr>
            <w:r w:rsidRPr="00397DDB">
              <w:rPr>
                <w:b/>
              </w:rPr>
              <w:t>Geneviève Chabot</w:t>
            </w:r>
            <w:r w:rsidRPr="00397DDB">
              <w:rPr>
                <w:b/>
              </w:rPr>
              <w:br/>
            </w:r>
            <w:r w:rsidRPr="00397DDB">
              <w:rPr>
                <w:bCs/>
              </w:rPr>
              <w:t>Email:</w:t>
            </w:r>
            <w:r w:rsidRPr="00397DDB">
              <w:rPr>
                <w:bCs/>
              </w:rPr>
              <w:tab/>
            </w:r>
            <w:r w:rsidRPr="00397DDB">
              <w:rPr>
                <w:bCs/>
              </w:rPr>
              <w:t>genevieve.chabot</w:t>
            </w:r>
            <w:r w:rsidRPr="00397DDB" w:rsidR="006A3695">
              <w:rPr>
                <w:bCs/>
              </w:rPr>
              <w:t xml:space="preserve">@dgag.ca </w:t>
            </w:r>
          </w:p>
          <w:p w:rsidR="00EA6B6C" w:rsidRPr="00397DDB" w:rsidP="00397DDB" w14:paraId="0DE1EBE0" w14:textId="0D2A6F64">
            <w:pPr>
              <w:jc w:val="left"/>
              <w:rPr>
                <w:bCs/>
              </w:rPr>
            </w:pPr>
            <w:r w:rsidRPr="00397DDB">
              <w:rPr>
                <w:bCs/>
              </w:rPr>
              <w:t>Lawyers for Desjardins Assurances</w:t>
            </w:r>
          </w:p>
        </w:tc>
      </w:tr>
      <w:tr w14:paraId="2A8FC806" w14:textId="77777777" w:rsidTr="00397DDB">
        <w:tblPrEx>
          <w:tblW w:w="9625" w:type="dxa"/>
          <w:tblLook w:val="04A0"/>
        </w:tblPrEx>
        <w:tc>
          <w:tcPr>
            <w:tcW w:w="1525" w:type="dxa"/>
          </w:tcPr>
          <w:p w:rsidR="00CE4599" w:rsidRPr="00397DDB" w:rsidP="00397DDB" w14:paraId="3A450F3E" w14:textId="6FF141F8">
            <w:pPr>
              <w:jc w:val="left"/>
              <w:rPr>
                <w:b/>
              </w:rPr>
            </w:pPr>
            <w:r w:rsidRPr="00397DDB">
              <w:rPr>
                <w:b/>
              </w:rPr>
              <w:t>AND TO:</w:t>
            </w:r>
          </w:p>
        </w:tc>
        <w:tc>
          <w:tcPr>
            <w:tcW w:w="8100" w:type="dxa"/>
          </w:tcPr>
          <w:p w:rsidR="00CE4599" w:rsidRPr="00397DDB" w:rsidP="00397DDB" w14:paraId="64F590E2" w14:textId="1D53DE7B">
            <w:pPr>
              <w:jc w:val="left"/>
              <w:rPr>
                <w:bCs/>
              </w:rPr>
            </w:pPr>
            <w:r w:rsidRPr="00397DDB">
              <w:rPr>
                <w:b/>
              </w:rPr>
              <w:t>SMART &amp; BIGGAR / FETHERSTONHAUGH</w:t>
            </w:r>
            <w:r w:rsidRPr="00397DDB">
              <w:rPr>
                <w:bCs/>
              </w:rPr>
              <w:br/>
              <w:t xml:space="preserve">55 Metcalfe Street, Suite </w:t>
            </w:r>
            <w:r w:rsidRPr="00397DDB" w:rsidR="00730C3A">
              <w:rPr>
                <w:bCs/>
              </w:rPr>
              <w:t>1000</w:t>
            </w:r>
            <w:r w:rsidRPr="00397DDB">
              <w:rPr>
                <w:bCs/>
              </w:rPr>
              <w:br/>
              <w:t>P</w:t>
            </w:r>
            <w:r w:rsidRPr="00397DDB" w:rsidR="00C158BB">
              <w:rPr>
                <w:bCs/>
              </w:rPr>
              <w:t>.</w:t>
            </w:r>
            <w:r w:rsidRPr="00397DDB">
              <w:rPr>
                <w:bCs/>
              </w:rPr>
              <w:t>O</w:t>
            </w:r>
            <w:r w:rsidRPr="00397DDB" w:rsidR="00C158BB">
              <w:rPr>
                <w:bCs/>
              </w:rPr>
              <w:t>.</w:t>
            </w:r>
            <w:r w:rsidRPr="00397DDB">
              <w:rPr>
                <w:bCs/>
              </w:rPr>
              <w:t xml:space="preserve"> Box 2999, Station D</w:t>
            </w:r>
            <w:r w:rsidRPr="00397DDB">
              <w:rPr>
                <w:bCs/>
              </w:rPr>
              <w:br/>
              <w:t>Ottawa, ON  K1P 5Y6</w:t>
            </w:r>
          </w:p>
          <w:p w:rsidR="00CE4599" w:rsidRPr="00397DDB" w:rsidP="00397DDB" w14:paraId="7DC88400" w14:textId="2B7C3305">
            <w:pPr>
              <w:jc w:val="left"/>
              <w:rPr>
                <w:bCs/>
              </w:rPr>
            </w:pPr>
            <w:r w:rsidRPr="00397DDB">
              <w:rPr>
                <w:b/>
              </w:rPr>
              <w:t>Kohji Suzuki</w:t>
            </w:r>
            <w:r w:rsidRPr="00397DDB">
              <w:rPr>
                <w:bCs/>
              </w:rPr>
              <w:br/>
              <w:t>Email:</w:t>
            </w:r>
            <w:r w:rsidRPr="00397DDB">
              <w:rPr>
                <w:bCs/>
              </w:rPr>
              <w:tab/>
              <w:t>ksuzuki@smartbiggar.ca</w:t>
            </w:r>
          </w:p>
          <w:p w:rsidR="00CE4599" w:rsidRPr="00397DDB" w:rsidP="00397DDB" w14:paraId="6AACC3ED" w14:textId="56BE0D53">
            <w:pPr>
              <w:jc w:val="left"/>
              <w:rPr>
                <w:bCs/>
              </w:rPr>
            </w:pPr>
            <w:r w:rsidRPr="00397DDB">
              <w:rPr>
                <w:b/>
              </w:rPr>
              <w:t>Francois Guay</w:t>
            </w:r>
            <w:r w:rsidRPr="00397DDB">
              <w:rPr>
                <w:b/>
              </w:rPr>
              <w:br/>
            </w:r>
            <w:r w:rsidRPr="00397DDB">
              <w:rPr>
                <w:bCs/>
              </w:rPr>
              <w:t>Email:</w:t>
            </w:r>
            <w:r w:rsidRPr="00397DDB">
              <w:rPr>
                <w:bCs/>
              </w:rPr>
              <w:tab/>
              <w:t>fguay@smartbiggar.ca</w:t>
            </w:r>
          </w:p>
          <w:p w:rsidR="00CE4599" w:rsidRPr="00397DDB" w:rsidP="00397DDB" w14:paraId="27EEAB2E" w14:textId="54120011">
            <w:pPr>
              <w:jc w:val="left"/>
              <w:rPr>
                <w:bCs/>
              </w:rPr>
            </w:pPr>
            <w:r w:rsidRPr="00397DDB">
              <w:rPr>
                <w:b/>
              </w:rPr>
              <w:t>Christian Bolduc</w:t>
            </w:r>
            <w:r w:rsidRPr="00397DDB">
              <w:rPr>
                <w:bCs/>
              </w:rPr>
              <w:br/>
              <w:t>Email:</w:t>
            </w:r>
            <w:r w:rsidRPr="00397DDB">
              <w:rPr>
                <w:bCs/>
              </w:rPr>
              <w:tab/>
              <w:t>cbolduc@smartbiggar.ca</w:t>
            </w:r>
          </w:p>
          <w:p w:rsidR="00CE4599" w:rsidRPr="00397DDB" w:rsidP="00397DDB" w14:paraId="2F2B348A" w14:textId="519980FD">
            <w:pPr>
              <w:jc w:val="left"/>
              <w:rPr>
                <w:bCs/>
              </w:rPr>
            </w:pPr>
            <w:r w:rsidRPr="00397DDB">
              <w:rPr>
                <w:b/>
              </w:rPr>
              <w:t>Melanie Powers</w:t>
            </w:r>
            <w:r w:rsidRPr="00397DDB">
              <w:rPr>
                <w:bCs/>
              </w:rPr>
              <w:br/>
              <w:t>Email:</w:t>
            </w:r>
            <w:r w:rsidRPr="00397DDB">
              <w:rPr>
                <w:bCs/>
              </w:rPr>
              <w:tab/>
              <w:t>mlpowers@smartbiggar.ca</w:t>
            </w:r>
          </w:p>
          <w:p w:rsidR="00434ADF" w:rsidRPr="00397DDB" w:rsidP="00397DDB" w14:paraId="74A234C9" w14:textId="44A8D184">
            <w:pPr>
              <w:jc w:val="left"/>
              <w:rPr>
                <w:bCs/>
              </w:rPr>
            </w:pPr>
            <w:r w:rsidRPr="00397DDB">
              <w:rPr>
                <w:b/>
              </w:rPr>
              <w:t>Matthew Burt</w:t>
            </w:r>
            <w:r w:rsidRPr="00397DDB">
              <w:rPr>
                <w:bCs/>
              </w:rPr>
              <w:br/>
              <w:t>Email:</w:t>
            </w:r>
            <w:r w:rsidRPr="00397DDB">
              <w:rPr>
                <w:bCs/>
              </w:rPr>
              <w:tab/>
              <w:t>meburt@smartbiggar.ca</w:t>
            </w:r>
          </w:p>
          <w:p w:rsidR="00C158BB" w:rsidRPr="00397DDB" w:rsidP="00397DDB" w14:paraId="0666A334" w14:textId="1E82C1D9">
            <w:pPr>
              <w:jc w:val="left"/>
              <w:rPr>
                <w:bCs/>
              </w:rPr>
            </w:pPr>
            <w:r w:rsidRPr="00397DDB">
              <w:rPr>
                <w:bCs/>
              </w:rPr>
              <w:t>Lawyers for, and creditor of</w:t>
            </w:r>
            <w:r w:rsidRPr="00397DDB" w:rsidR="00E700C6">
              <w:rPr>
                <w:bCs/>
              </w:rPr>
              <w:t>,</w:t>
            </w:r>
            <w:r w:rsidRPr="00397DDB">
              <w:rPr>
                <w:bCs/>
              </w:rPr>
              <w:t xml:space="preserve"> </w:t>
            </w:r>
            <w:r w:rsidRPr="00397DDB" w:rsidR="00E700C6">
              <w:t>Imperial Tobacco Canada Limited and Imperial Tobacco Company Limited</w:t>
            </w:r>
          </w:p>
        </w:tc>
      </w:tr>
      <w:tr w14:paraId="1A7D45CB" w14:textId="77777777" w:rsidTr="00397DDB">
        <w:tblPrEx>
          <w:tblW w:w="9625" w:type="dxa"/>
          <w:tblLook w:val="04A0"/>
        </w:tblPrEx>
        <w:tc>
          <w:tcPr>
            <w:tcW w:w="1525" w:type="dxa"/>
          </w:tcPr>
          <w:p w:rsidR="00CE4599" w:rsidRPr="00397DDB" w:rsidP="00397DDB" w14:paraId="39970846" w14:textId="4326F1DF">
            <w:pPr>
              <w:jc w:val="left"/>
              <w:rPr>
                <w:b/>
              </w:rPr>
            </w:pPr>
            <w:r w:rsidRPr="00397DDB">
              <w:rPr>
                <w:b/>
              </w:rPr>
              <w:t>AND TO:</w:t>
            </w:r>
          </w:p>
        </w:tc>
        <w:tc>
          <w:tcPr>
            <w:tcW w:w="8100" w:type="dxa"/>
          </w:tcPr>
          <w:p w:rsidR="00CE4599" w:rsidRPr="00397DDB" w:rsidP="00397DDB" w14:paraId="737C3976" w14:textId="5A666914">
            <w:pPr>
              <w:jc w:val="left"/>
              <w:rPr>
                <w:bCs/>
              </w:rPr>
            </w:pPr>
            <w:r w:rsidRPr="00397DDB">
              <w:rPr>
                <w:b/>
              </w:rPr>
              <w:t>KORNBLUM LAW PROFESSIONAL CORPORATION</w:t>
            </w:r>
            <w:r w:rsidRPr="00397DDB">
              <w:rPr>
                <w:bCs/>
              </w:rPr>
              <w:br/>
              <w:t>508 Lawrence Avenue West</w:t>
            </w:r>
            <w:r w:rsidRPr="00397DDB">
              <w:rPr>
                <w:bCs/>
              </w:rPr>
              <w:br/>
            </w:r>
            <w:r w:rsidRPr="00397DDB" w:rsidR="00E77ED6">
              <w:rPr>
                <w:bCs/>
              </w:rPr>
              <w:t>Toronto</w:t>
            </w:r>
            <w:r w:rsidRPr="00397DDB">
              <w:rPr>
                <w:bCs/>
              </w:rPr>
              <w:t>, ON  M6A 1A1</w:t>
            </w:r>
          </w:p>
          <w:p w:rsidR="00C158BB" w:rsidRPr="00397DDB" w:rsidP="00397DDB" w14:paraId="33AD9D3E" w14:textId="0074B383">
            <w:pPr>
              <w:jc w:val="left"/>
              <w:rPr>
                <w:bCs/>
              </w:rPr>
            </w:pPr>
            <w:r w:rsidRPr="00397DDB">
              <w:rPr>
                <w:b/>
              </w:rPr>
              <w:t>Attention:  Susanne Macneall</w:t>
            </w:r>
            <w:r w:rsidRPr="00397DDB">
              <w:rPr>
                <w:bCs/>
              </w:rPr>
              <w:br/>
              <w:t>Email:</w:t>
            </w:r>
            <w:r w:rsidRPr="00397DDB">
              <w:rPr>
                <w:bCs/>
              </w:rPr>
              <w:tab/>
            </w:r>
            <w:r w:rsidRPr="00397DDB">
              <w:rPr>
                <w:bCs/>
              </w:rPr>
              <w:t>s.macneall</w:t>
            </w:r>
            <w:r w:rsidRPr="00397DDB">
              <w:rPr>
                <w:bCs/>
              </w:rPr>
              <w:t>@kornblum.ca</w:t>
            </w:r>
          </w:p>
          <w:p w:rsidR="00C158BB" w:rsidRPr="00397DDB" w:rsidP="00397DDB" w14:paraId="722542B6" w14:textId="5ACE8509">
            <w:pPr>
              <w:jc w:val="left"/>
              <w:rPr>
                <w:bCs/>
              </w:rPr>
            </w:pPr>
            <w:r w:rsidRPr="00397DDB">
              <w:rPr>
                <w:bCs/>
              </w:rPr>
              <w:t>Lawyers for Mr. Girsh Nair</w:t>
            </w:r>
          </w:p>
        </w:tc>
      </w:tr>
      <w:tr w14:paraId="2AFCB49A" w14:textId="77777777" w:rsidTr="00397DDB">
        <w:tblPrEx>
          <w:tblW w:w="9625" w:type="dxa"/>
          <w:tblLook w:val="04A0"/>
        </w:tblPrEx>
        <w:tc>
          <w:tcPr>
            <w:tcW w:w="1525" w:type="dxa"/>
          </w:tcPr>
          <w:p w:rsidR="00475F7A" w:rsidRPr="00397DDB" w:rsidP="00397DDB" w14:paraId="0C627776" w14:textId="0383DA57">
            <w:pPr>
              <w:jc w:val="left"/>
              <w:rPr>
                <w:b/>
              </w:rPr>
            </w:pPr>
            <w:r w:rsidRPr="00397DDB">
              <w:rPr>
                <w:b/>
              </w:rPr>
              <w:t>AND TO:</w:t>
            </w:r>
          </w:p>
        </w:tc>
        <w:tc>
          <w:tcPr>
            <w:tcW w:w="8100" w:type="dxa"/>
          </w:tcPr>
          <w:p w:rsidR="00475F7A" w:rsidRPr="00397DDB" w:rsidP="00397DDB" w14:paraId="3798AEEC" w14:textId="77777777">
            <w:pPr>
              <w:jc w:val="left"/>
              <w:rPr>
                <w:bCs/>
              </w:rPr>
            </w:pPr>
            <w:r w:rsidRPr="00397DDB">
              <w:rPr>
                <w:b/>
              </w:rPr>
              <w:t>TYR LLP</w:t>
            </w:r>
            <w:r w:rsidRPr="00397DDB">
              <w:rPr>
                <w:bCs/>
              </w:rPr>
              <w:br/>
              <w:t>488 Wellington Street West, Suite 300-302</w:t>
            </w:r>
            <w:r w:rsidRPr="00397DDB">
              <w:rPr>
                <w:bCs/>
              </w:rPr>
              <w:br/>
              <w:t>Toronto, ON  M5V 1E3</w:t>
            </w:r>
          </w:p>
          <w:p w:rsidR="00475F7A" w:rsidRPr="00397DDB" w:rsidP="00397DDB" w14:paraId="745F2A04" w14:textId="77777777">
            <w:pPr>
              <w:jc w:val="left"/>
              <w:rPr>
                <w:bCs/>
              </w:rPr>
            </w:pPr>
            <w:r w:rsidRPr="00397DDB">
              <w:rPr>
                <w:b/>
              </w:rPr>
              <w:t>James Bunting</w:t>
            </w:r>
            <w:r w:rsidRPr="00397DDB">
              <w:rPr>
                <w:bCs/>
              </w:rPr>
              <w:br/>
              <w:t>Tel:</w:t>
            </w:r>
            <w:r w:rsidRPr="00397DDB">
              <w:rPr>
                <w:bCs/>
              </w:rPr>
              <w:tab/>
              <w:t>647-519-6607</w:t>
            </w:r>
            <w:r w:rsidRPr="00397DDB">
              <w:rPr>
                <w:bCs/>
              </w:rPr>
              <w:br/>
              <w:t>Email:</w:t>
            </w:r>
            <w:r w:rsidRPr="00397DDB">
              <w:rPr>
                <w:bCs/>
              </w:rPr>
              <w:tab/>
              <w:t>jbunting@tyrllp.com</w:t>
            </w:r>
          </w:p>
          <w:p w:rsidR="00475F7A" w:rsidRPr="00397DDB" w:rsidP="00397DDB" w14:paraId="577FD177" w14:textId="6EAF1508">
            <w:pPr>
              <w:jc w:val="left"/>
              <w:rPr>
                <w:bCs/>
              </w:rPr>
            </w:pPr>
            <w:r w:rsidRPr="00397DDB">
              <w:rPr>
                <w:b/>
              </w:rPr>
              <w:t>Sam Cotton</w:t>
            </w:r>
            <w:r w:rsidRPr="00397DDB">
              <w:rPr>
                <w:bCs/>
              </w:rPr>
              <w:br/>
              <w:t>Tel:</w:t>
            </w:r>
            <w:r w:rsidRPr="00397DDB">
              <w:rPr>
                <w:bCs/>
              </w:rPr>
              <w:tab/>
            </w:r>
            <w:r w:rsidRPr="00397DDB">
              <w:rPr>
                <w:bCs/>
              </w:rPr>
              <w:t>613-862-9264</w:t>
            </w:r>
            <w:r w:rsidRPr="00397DDB">
              <w:rPr>
                <w:bCs/>
              </w:rPr>
              <w:br/>
              <w:t>Email:</w:t>
            </w:r>
            <w:r w:rsidRPr="00397DDB">
              <w:rPr>
                <w:bCs/>
              </w:rPr>
              <w:tab/>
            </w:r>
            <w:r w:rsidRPr="00397DDB">
              <w:rPr>
                <w:bCs/>
              </w:rPr>
              <w:t>scotton</w:t>
            </w:r>
            <w:r w:rsidRPr="00397DDB">
              <w:rPr>
                <w:bCs/>
              </w:rPr>
              <w:t>@tyrllp.com</w:t>
            </w:r>
          </w:p>
          <w:p w:rsidR="00475F7A" w:rsidRPr="00397DDB" w:rsidP="00397DDB" w14:paraId="388D9793" w14:textId="12B44676">
            <w:pPr>
              <w:jc w:val="left"/>
              <w:rPr>
                <w:bCs/>
              </w:rPr>
            </w:pPr>
            <w:r w:rsidRPr="00397DDB">
              <w:rPr>
                <w:bCs/>
              </w:rPr>
              <w:t>Lawyers for the Heart and Stroke Foundation</w:t>
            </w:r>
          </w:p>
        </w:tc>
      </w:tr>
      <w:tr w14:paraId="32313E41" w14:textId="77777777" w:rsidTr="00397DDB">
        <w:tblPrEx>
          <w:tblW w:w="9625" w:type="dxa"/>
          <w:tblLook w:val="04A0"/>
        </w:tblPrEx>
        <w:tc>
          <w:tcPr>
            <w:tcW w:w="1525" w:type="dxa"/>
          </w:tcPr>
          <w:p w:rsidR="00475F7A" w:rsidRPr="00397DDB" w:rsidP="00397DDB" w14:paraId="1A59394F" w14:textId="7E55358B">
            <w:pPr>
              <w:jc w:val="left"/>
              <w:rPr>
                <w:b/>
              </w:rPr>
            </w:pPr>
            <w:r w:rsidRPr="00397DDB">
              <w:rPr>
                <w:b/>
              </w:rPr>
              <w:t>AND TO:</w:t>
            </w:r>
          </w:p>
        </w:tc>
        <w:tc>
          <w:tcPr>
            <w:tcW w:w="8100" w:type="dxa"/>
          </w:tcPr>
          <w:p w:rsidR="00475F7A" w:rsidRPr="00397DDB" w:rsidP="00397DDB" w14:paraId="1AE502FD" w14:textId="77777777">
            <w:pPr>
              <w:jc w:val="left"/>
              <w:rPr>
                <w:bCs/>
              </w:rPr>
            </w:pPr>
            <w:r w:rsidRPr="00397DDB">
              <w:rPr>
                <w:b/>
              </w:rPr>
              <w:t>HEART AND STROKE FOUNDATION</w:t>
            </w:r>
            <w:r w:rsidRPr="00397DDB">
              <w:rPr>
                <w:bCs/>
              </w:rPr>
              <w:br/>
              <w:t>2300 Yonge Street</w:t>
            </w:r>
            <w:r w:rsidRPr="00397DDB">
              <w:rPr>
                <w:bCs/>
              </w:rPr>
              <w:br/>
              <w:t>Toronto, ON  M4P 1E4</w:t>
            </w:r>
          </w:p>
          <w:p w:rsidR="00475F7A" w:rsidRPr="00397DDB" w:rsidP="00397DDB" w14:paraId="6BF85DBE" w14:textId="5DF56308">
            <w:pPr>
              <w:jc w:val="left"/>
              <w:rPr>
                <w:bCs/>
              </w:rPr>
            </w:pPr>
            <w:r w:rsidRPr="00397DDB">
              <w:rPr>
                <w:b/>
              </w:rPr>
              <w:t>Emily Sternberg</w:t>
            </w:r>
            <w:r w:rsidRPr="00397DDB">
              <w:rPr>
                <w:bCs/>
              </w:rPr>
              <w:br/>
              <w:t>Email:</w:t>
            </w:r>
            <w:r w:rsidRPr="00397DDB">
              <w:rPr>
                <w:bCs/>
              </w:rPr>
              <w:tab/>
              <w:t>emily.sternberg@heartandstroke.ca</w:t>
            </w:r>
          </w:p>
        </w:tc>
      </w:tr>
      <w:tr w14:paraId="4FB32B57" w14:textId="77777777" w:rsidTr="00397DDB">
        <w:tblPrEx>
          <w:tblW w:w="9625" w:type="dxa"/>
          <w:tblLook w:val="04A0"/>
        </w:tblPrEx>
        <w:tc>
          <w:tcPr>
            <w:tcW w:w="1525" w:type="dxa"/>
          </w:tcPr>
          <w:p w:rsidR="00F373D6" w:rsidRPr="00397DDB" w:rsidP="00397DDB" w14:paraId="401C3001" w14:textId="3B5D9165">
            <w:pPr>
              <w:jc w:val="left"/>
              <w:rPr>
                <w:b/>
              </w:rPr>
            </w:pPr>
            <w:r w:rsidRPr="00397DDB">
              <w:rPr>
                <w:b/>
              </w:rPr>
              <w:t>AND TO:</w:t>
            </w:r>
          </w:p>
        </w:tc>
        <w:tc>
          <w:tcPr>
            <w:tcW w:w="8100" w:type="dxa"/>
          </w:tcPr>
          <w:p w:rsidR="00F373D6" w:rsidRPr="00397DDB" w:rsidP="00397DDB" w14:paraId="2DCB10C5" w14:textId="77777777">
            <w:pPr>
              <w:jc w:val="left"/>
              <w:rPr>
                <w:bCs/>
              </w:rPr>
            </w:pPr>
            <w:r w:rsidRPr="00397DDB">
              <w:rPr>
                <w:b/>
              </w:rPr>
              <w:t>TYR LLP</w:t>
            </w:r>
            <w:r w:rsidRPr="00397DDB">
              <w:rPr>
                <w:bCs/>
              </w:rPr>
              <w:br/>
              <w:t>488 Wellington Street West, Suite 300-302</w:t>
            </w:r>
            <w:r w:rsidRPr="00397DDB">
              <w:rPr>
                <w:bCs/>
              </w:rPr>
              <w:br/>
              <w:t>Toronto, ON  M5V 1E3</w:t>
            </w:r>
          </w:p>
          <w:p w:rsidR="00F373D6" w:rsidRPr="00397DDB" w:rsidP="00397DDB" w14:paraId="63364FB5" w14:textId="38780B1E">
            <w:pPr>
              <w:jc w:val="left"/>
              <w:rPr>
                <w:bCs/>
              </w:rPr>
            </w:pPr>
            <w:r w:rsidRPr="00397DDB">
              <w:rPr>
                <w:b/>
              </w:rPr>
              <w:t>James Doris</w:t>
            </w:r>
            <w:r w:rsidRPr="00397DDB">
              <w:rPr>
                <w:bCs/>
              </w:rPr>
              <w:br/>
              <w:t>Tel:</w:t>
            </w:r>
            <w:r w:rsidRPr="00397DDB">
              <w:rPr>
                <w:bCs/>
              </w:rPr>
              <w:tab/>
              <w:t>647-519-5840</w:t>
            </w:r>
            <w:r w:rsidRPr="00397DDB">
              <w:rPr>
                <w:bCs/>
              </w:rPr>
              <w:br/>
              <w:t>Email:</w:t>
            </w:r>
            <w:r w:rsidRPr="00397DDB">
              <w:rPr>
                <w:bCs/>
              </w:rPr>
              <w:tab/>
            </w:r>
            <w:r w:rsidRPr="00397DDB" w:rsidR="00997F53">
              <w:rPr>
                <w:bCs/>
              </w:rPr>
              <w:t>jdoris@tyrllp.com</w:t>
            </w:r>
          </w:p>
          <w:p w:rsidR="00F373D6" w:rsidRPr="00397DDB" w:rsidP="00397DDB" w14:paraId="146A5E5F" w14:textId="5EF409A1">
            <w:pPr>
              <w:jc w:val="left"/>
              <w:rPr>
                <w:bCs/>
              </w:rPr>
            </w:pPr>
            <w:r w:rsidRPr="00397DDB">
              <w:rPr>
                <w:bCs/>
              </w:rPr>
              <w:t>Lawyers for the U.S. Department of Justice</w:t>
            </w:r>
          </w:p>
        </w:tc>
      </w:tr>
      <w:tr w14:paraId="775E9B28" w14:textId="77777777" w:rsidTr="00397DDB">
        <w:tblPrEx>
          <w:tblW w:w="9625" w:type="dxa"/>
          <w:tblLook w:val="04A0"/>
        </w:tblPrEx>
        <w:tc>
          <w:tcPr>
            <w:tcW w:w="1525" w:type="dxa"/>
          </w:tcPr>
          <w:p w:rsidR="00C41457" w:rsidRPr="00397DDB" w:rsidP="00397DDB" w14:paraId="632BBD14" w14:textId="3338959C">
            <w:pPr>
              <w:jc w:val="left"/>
              <w:rPr>
                <w:b/>
              </w:rPr>
            </w:pPr>
            <w:r w:rsidRPr="00397DDB">
              <w:rPr>
                <w:b/>
              </w:rPr>
              <w:t>AND TO:</w:t>
            </w:r>
          </w:p>
        </w:tc>
        <w:tc>
          <w:tcPr>
            <w:tcW w:w="8100" w:type="dxa"/>
          </w:tcPr>
          <w:p w:rsidR="00C41457" w:rsidRPr="00397DDB" w:rsidP="00397DDB" w14:paraId="019BBF84" w14:textId="77777777">
            <w:pPr>
              <w:jc w:val="left"/>
              <w:rPr>
                <w:bCs/>
              </w:rPr>
            </w:pPr>
            <w:r w:rsidRPr="00397DDB">
              <w:rPr>
                <w:b/>
              </w:rPr>
              <w:t>GOODMANS LLP</w:t>
            </w:r>
            <w:r w:rsidRPr="00397DDB">
              <w:rPr>
                <w:bCs/>
              </w:rPr>
              <w:br/>
              <w:t>Bay Adelaide Centre – West Tower</w:t>
            </w:r>
            <w:r w:rsidRPr="00397DDB">
              <w:rPr>
                <w:bCs/>
              </w:rPr>
              <w:br/>
              <w:t>333 Bay Street, Suite 3400</w:t>
            </w:r>
            <w:r w:rsidRPr="00397DDB">
              <w:rPr>
                <w:bCs/>
              </w:rPr>
              <w:br/>
              <w:t>Toronto, ON  M5H 2S7</w:t>
            </w:r>
            <w:r w:rsidRPr="00397DDB">
              <w:rPr>
                <w:bCs/>
              </w:rPr>
              <w:br/>
              <w:t>Tel:</w:t>
            </w:r>
            <w:r w:rsidRPr="00397DDB">
              <w:rPr>
                <w:bCs/>
              </w:rPr>
              <w:tab/>
              <w:t>416-979-2211</w:t>
            </w:r>
            <w:r w:rsidRPr="00397DDB">
              <w:rPr>
                <w:bCs/>
              </w:rPr>
              <w:br/>
              <w:t>Fax:</w:t>
            </w:r>
            <w:r w:rsidRPr="00397DDB">
              <w:rPr>
                <w:bCs/>
              </w:rPr>
              <w:tab/>
              <w:t>416-979-1234</w:t>
            </w:r>
          </w:p>
          <w:p w:rsidR="00C41457" w:rsidRPr="00397DDB" w:rsidP="00397DDB" w14:paraId="0428660C" w14:textId="77777777">
            <w:pPr>
              <w:jc w:val="left"/>
              <w:rPr>
                <w:bCs/>
              </w:rPr>
            </w:pPr>
            <w:r w:rsidRPr="00397DDB">
              <w:rPr>
                <w:b/>
              </w:rPr>
              <w:t>Gale Rubenstein</w:t>
            </w:r>
            <w:r w:rsidRPr="00397DDB">
              <w:rPr>
                <w:bCs/>
              </w:rPr>
              <w:br/>
              <w:t>Email:</w:t>
            </w:r>
            <w:r w:rsidRPr="00397DDB">
              <w:rPr>
                <w:bCs/>
              </w:rPr>
              <w:tab/>
              <w:t>grubenstein@goodmans.ca</w:t>
            </w:r>
          </w:p>
          <w:p w:rsidR="00C41457" w:rsidRPr="00397DDB" w:rsidP="00397DDB" w14:paraId="55B740E2" w14:textId="77777777">
            <w:pPr>
              <w:jc w:val="left"/>
              <w:rPr>
                <w:bCs/>
              </w:rPr>
            </w:pPr>
            <w:r w:rsidRPr="00397DDB">
              <w:rPr>
                <w:b/>
              </w:rPr>
              <w:t>Peter Ruby</w:t>
            </w:r>
            <w:r w:rsidRPr="00397DDB">
              <w:rPr>
                <w:bCs/>
              </w:rPr>
              <w:br/>
              <w:t>Email:</w:t>
            </w:r>
            <w:r w:rsidRPr="00397DDB">
              <w:rPr>
                <w:bCs/>
              </w:rPr>
              <w:tab/>
              <w:t>pruby@goodmans.ca</w:t>
            </w:r>
          </w:p>
          <w:p w:rsidR="00B62D9B" w:rsidRPr="00397DDB" w:rsidP="00397DDB" w14:paraId="087ECEF1" w14:textId="22608E32">
            <w:pPr>
              <w:jc w:val="left"/>
              <w:rPr>
                <w:bCs/>
              </w:rPr>
            </w:pPr>
            <w:r w:rsidRPr="00397DDB">
              <w:rPr>
                <w:b/>
              </w:rPr>
              <w:t>Joseph Pasquariello</w:t>
            </w:r>
            <w:r w:rsidRPr="00397DDB">
              <w:rPr>
                <w:bCs/>
              </w:rPr>
              <w:br/>
            </w:r>
            <w:r w:rsidRPr="00397DDB" w:rsidR="00673A79">
              <w:rPr>
                <w:bCs/>
              </w:rPr>
              <w:t>Email:</w:t>
            </w:r>
            <w:r w:rsidRPr="00397DDB" w:rsidR="00673A79">
              <w:rPr>
                <w:bCs/>
              </w:rPr>
              <w:tab/>
              <w:t>jpasquariello@goodmans.ca</w:t>
            </w:r>
          </w:p>
          <w:p w:rsidR="00C41457" w:rsidRPr="00397DDB" w:rsidP="00397DDB" w14:paraId="20019284" w14:textId="46280619">
            <w:pPr>
              <w:jc w:val="left"/>
              <w:rPr>
                <w:bCs/>
              </w:rPr>
            </w:pPr>
            <w:r w:rsidRPr="00397DDB">
              <w:rPr>
                <w:bCs/>
              </w:rPr>
              <w:t xml:space="preserve">Lawyers for PricewaterhouseCoopers Inc. as Liquidator of </w:t>
            </w:r>
            <w:r w:rsidRPr="00397DDB" w:rsidR="00AC692C">
              <w:rPr>
                <w:bCs/>
              </w:rPr>
              <w:t>Northumberland </w:t>
            </w:r>
            <w:r w:rsidRPr="00397DDB">
              <w:rPr>
                <w:bCs/>
              </w:rPr>
              <w:t>General</w:t>
            </w:r>
            <w:r w:rsidRPr="00397DDB" w:rsidR="00AC692C">
              <w:rPr>
                <w:bCs/>
              </w:rPr>
              <w:t xml:space="preserve"> Insurance Company</w:t>
            </w:r>
          </w:p>
        </w:tc>
      </w:tr>
      <w:tr w14:paraId="3777E105" w14:textId="77777777" w:rsidTr="00397DDB">
        <w:tblPrEx>
          <w:tblW w:w="9625" w:type="dxa"/>
          <w:tblLook w:val="04A0"/>
        </w:tblPrEx>
        <w:tc>
          <w:tcPr>
            <w:tcW w:w="1525" w:type="dxa"/>
          </w:tcPr>
          <w:p w:rsidR="00425E6B" w:rsidRPr="00397DDB" w:rsidP="00397DDB" w14:paraId="7BEB18B6" w14:textId="190D73E0">
            <w:pPr>
              <w:jc w:val="left"/>
              <w:rPr>
                <w:b/>
              </w:rPr>
            </w:pPr>
            <w:r w:rsidRPr="00397DDB">
              <w:rPr>
                <w:b/>
              </w:rPr>
              <w:t>AND TO:</w:t>
            </w:r>
          </w:p>
        </w:tc>
        <w:tc>
          <w:tcPr>
            <w:tcW w:w="8100" w:type="dxa"/>
          </w:tcPr>
          <w:p w:rsidR="00425E6B" w:rsidRPr="00397DDB" w:rsidP="00397DDB" w14:paraId="16DA0A7B" w14:textId="4B6341E9">
            <w:pPr>
              <w:jc w:val="left"/>
              <w:rPr>
                <w:bCs/>
              </w:rPr>
            </w:pPr>
            <w:r w:rsidRPr="00397DDB">
              <w:rPr>
                <w:b/>
              </w:rPr>
              <w:t xml:space="preserve">GOODMANS LLP </w:t>
            </w:r>
            <w:r w:rsidRPr="00397DDB">
              <w:rPr>
                <w:b/>
              </w:rPr>
              <w:br/>
            </w:r>
            <w:r w:rsidRPr="00397DDB">
              <w:rPr>
                <w:bCs/>
              </w:rPr>
              <w:t>Bay Adelaide Centre</w:t>
            </w:r>
            <w:r w:rsidRPr="00397DDB">
              <w:rPr>
                <w:bCs/>
              </w:rPr>
              <w:br/>
              <w:t>333 Bay Street, Suite 3400</w:t>
            </w:r>
            <w:r w:rsidRPr="00397DDB">
              <w:rPr>
                <w:bCs/>
              </w:rPr>
              <w:br/>
              <w:t xml:space="preserve">Toronto, ON  M5H 2S7 </w:t>
            </w:r>
            <w:r w:rsidRPr="00397DDB">
              <w:rPr>
                <w:bCs/>
              </w:rPr>
              <w:br/>
              <w:t>Tel:</w:t>
            </w:r>
            <w:r w:rsidRPr="00397DDB">
              <w:rPr>
                <w:bCs/>
              </w:rPr>
              <w:tab/>
              <w:t>416-979-2211</w:t>
            </w:r>
            <w:r w:rsidRPr="00397DDB">
              <w:rPr>
                <w:bCs/>
              </w:rPr>
              <w:br/>
              <w:t>Fax:</w:t>
            </w:r>
            <w:r w:rsidRPr="00397DDB">
              <w:rPr>
                <w:bCs/>
              </w:rPr>
              <w:tab/>
              <w:t>416-979-1234</w:t>
            </w:r>
          </w:p>
          <w:p w:rsidR="00425E6B" w:rsidRPr="00397DDB" w:rsidP="00397DDB" w14:paraId="6D02B7C9" w14:textId="22A91A27">
            <w:pPr>
              <w:jc w:val="left"/>
              <w:rPr>
                <w:bCs/>
              </w:rPr>
            </w:pPr>
            <w:r w:rsidRPr="00397DDB">
              <w:rPr>
                <w:b/>
              </w:rPr>
              <w:t xml:space="preserve">Robert J. Chadwick </w:t>
            </w:r>
            <w:r w:rsidRPr="00397DDB">
              <w:rPr>
                <w:b/>
              </w:rPr>
              <w:br/>
            </w:r>
            <w:r w:rsidRPr="00397DDB">
              <w:rPr>
                <w:bCs/>
              </w:rPr>
              <w:t>Tel:</w:t>
            </w:r>
            <w:r w:rsidRPr="00397DDB">
              <w:rPr>
                <w:bCs/>
              </w:rPr>
              <w:tab/>
              <w:t>416-597-4285</w:t>
            </w:r>
            <w:r w:rsidRPr="00397DDB">
              <w:rPr>
                <w:bCs/>
              </w:rPr>
              <w:br/>
              <w:t>Email:</w:t>
            </w:r>
            <w:r w:rsidRPr="00397DDB">
              <w:rPr>
                <w:bCs/>
              </w:rPr>
              <w:tab/>
              <w:t>rchadwick@goodmans.ca</w:t>
            </w:r>
          </w:p>
          <w:p w:rsidR="00425E6B" w:rsidRPr="00397DDB" w:rsidP="00397DDB" w14:paraId="5515C903" w14:textId="59C64B61">
            <w:pPr>
              <w:jc w:val="left"/>
              <w:rPr>
                <w:b/>
              </w:rPr>
            </w:pPr>
            <w:r w:rsidRPr="00397DDB">
              <w:rPr>
                <w:b/>
              </w:rPr>
              <w:t>Caroline Descours</w:t>
            </w:r>
            <w:r w:rsidRPr="00397DDB">
              <w:rPr>
                <w:b/>
              </w:rPr>
              <w:br/>
            </w:r>
            <w:r w:rsidRPr="00397DDB">
              <w:rPr>
                <w:bCs/>
              </w:rPr>
              <w:t>Tel:</w:t>
            </w:r>
            <w:r w:rsidRPr="00397DDB">
              <w:rPr>
                <w:bCs/>
              </w:rPr>
              <w:tab/>
              <w:t>416-597-6275</w:t>
            </w:r>
            <w:r w:rsidRPr="00397DDB">
              <w:rPr>
                <w:bCs/>
              </w:rPr>
              <w:br/>
              <w:t>Email:</w:t>
            </w:r>
            <w:r w:rsidRPr="00397DDB">
              <w:rPr>
                <w:bCs/>
              </w:rPr>
              <w:tab/>
              <w:t>cdescours@goodmans.ca</w:t>
            </w:r>
          </w:p>
          <w:p w:rsidR="00425E6B" w:rsidRPr="00397DDB" w:rsidP="00397DDB" w14:paraId="290F750C" w14:textId="05E46F33">
            <w:pPr>
              <w:jc w:val="left"/>
              <w:rPr>
                <w:bCs/>
              </w:rPr>
            </w:pPr>
            <w:r w:rsidRPr="00397DDB">
              <w:rPr>
                <w:b/>
              </w:rPr>
              <w:t>Bradley Wiffen</w:t>
            </w:r>
            <w:r w:rsidRPr="00397DDB">
              <w:rPr>
                <w:b/>
              </w:rPr>
              <w:br/>
            </w:r>
            <w:r w:rsidRPr="00397DDB">
              <w:rPr>
                <w:bCs/>
              </w:rPr>
              <w:t>Tel:</w:t>
            </w:r>
            <w:r w:rsidRPr="00397DDB">
              <w:rPr>
                <w:bCs/>
              </w:rPr>
              <w:tab/>
              <w:t>416-597-4208</w:t>
            </w:r>
            <w:r w:rsidRPr="00397DDB">
              <w:rPr>
                <w:bCs/>
              </w:rPr>
              <w:br/>
              <w:t>Email:</w:t>
            </w:r>
            <w:r w:rsidRPr="00397DDB">
              <w:rPr>
                <w:bCs/>
              </w:rPr>
              <w:tab/>
              <w:t>bwiffen@goodmans.ca</w:t>
            </w:r>
          </w:p>
          <w:p w:rsidR="00425E6B" w:rsidRPr="00397DDB" w:rsidP="00397DDB" w14:paraId="3C00AB02" w14:textId="66CF6A0B">
            <w:pPr>
              <w:jc w:val="left"/>
              <w:rPr>
                <w:bCs/>
              </w:rPr>
            </w:pPr>
            <w:r w:rsidRPr="00397DDB">
              <w:rPr>
                <w:b/>
              </w:rPr>
              <w:t>Josh Sloan</w:t>
            </w:r>
            <w:r w:rsidRPr="00397DDB">
              <w:rPr>
                <w:b/>
              </w:rPr>
              <w:br/>
            </w:r>
            <w:r w:rsidRPr="00397DDB">
              <w:rPr>
                <w:bCs/>
              </w:rPr>
              <w:t>Tel:</w:t>
            </w:r>
            <w:r w:rsidRPr="00397DDB">
              <w:rPr>
                <w:bCs/>
              </w:rPr>
              <w:tab/>
              <w:t>416-597-4127</w:t>
            </w:r>
            <w:r w:rsidRPr="00397DDB">
              <w:rPr>
                <w:bCs/>
              </w:rPr>
              <w:br/>
              <w:t>Email:</w:t>
            </w:r>
            <w:r w:rsidRPr="00397DDB">
              <w:rPr>
                <w:bCs/>
              </w:rPr>
              <w:tab/>
              <w:t>jsloan@goodmans.ca</w:t>
            </w:r>
          </w:p>
          <w:p w:rsidR="00F43749" w:rsidRPr="00397DDB" w:rsidP="00397DDB" w14:paraId="7C522C38" w14:textId="017E053E">
            <w:pPr>
              <w:jc w:val="left"/>
              <w:rPr>
                <w:bCs/>
              </w:rPr>
            </w:pPr>
            <w:r w:rsidRPr="00397DDB">
              <w:rPr>
                <w:b/>
              </w:rPr>
              <w:t>Sarah Stothart</w:t>
            </w:r>
            <w:r w:rsidRPr="00397DDB">
              <w:rPr>
                <w:bCs/>
              </w:rPr>
              <w:br/>
              <w:t>Tel:</w:t>
            </w:r>
            <w:r w:rsidRPr="00397DDB">
              <w:rPr>
                <w:bCs/>
              </w:rPr>
              <w:tab/>
              <w:t>416-597-4200</w:t>
            </w:r>
            <w:r w:rsidRPr="00397DDB">
              <w:rPr>
                <w:bCs/>
              </w:rPr>
              <w:br/>
              <w:t>Email:</w:t>
            </w:r>
            <w:r w:rsidRPr="00397DDB">
              <w:rPr>
                <w:bCs/>
              </w:rPr>
              <w:tab/>
              <w:t>sstothart@goodmans.ca</w:t>
            </w:r>
          </w:p>
          <w:p w:rsidR="00F43749" w:rsidRPr="00397DDB" w:rsidP="00397DDB" w14:paraId="25F98955" w14:textId="5D704D81">
            <w:pPr>
              <w:jc w:val="left"/>
              <w:rPr>
                <w:bCs/>
              </w:rPr>
            </w:pPr>
            <w:r w:rsidRPr="00397DDB">
              <w:rPr>
                <w:b/>
              </w:rPr>
              <w:t>Julie Rosenthal</w:t>
            </w:r>
            <w:r w:rsidRPr="00397DDB">
              <w:rPr>
                <w:bCs/>
              </w:rPr>
              <w:br/>
              <w:t>Tel:</w:t>
            </w:r>
            <w:r w:rsidRPr="00397DDB">
              <w:rPr>
                <w:bCs/>
              </w:rPr>
              <w:tab/>
              <w:t>416-597-4259</w:t>
            </w:r>
            <w:r w:rsidRPr="00397DDB">
              <w:rPr>
                <w:bCs/>
              </w:rPr>
              <w:br/>
              <w:t>Email:</w:t>
            </w:r>
            <w:r w:rsidRPr="00397DDB">
              <w:rPr>
                <w:bCs/>
              </w:rPr>
              <w:tab/>
              <w:t>jrosenthal@goodmans.ca</w:t>
            </w:r>
          </w:p>
          <w:p w:rsidR="00F43749" w:rsidRPr="00397DDB" w:rsidP="00350FEC" w14:paraId="5F5EF500" w14:textId="1EFC8E08">
            <w:pPr>
              <w:keepNext/>
              <w:jc w:val="left"/>
              <w:rPr>
                <w:bCs/>
              </w:rPr>
            </w:pPr>
            <w:r w:rsidRPr="00397DDB">
              <w:rPr>
                <w:b/>
              </w:rPr>
              <w:t>Peter Kolla</w:t>
            </w:r>
            <w:r w:rsidRPr="00397DDB">
              <w:rPr>
                <w:bCs/>
              </w:rPr>
              <w:br/>
              <w:t>Tel:</w:t>
            </w:r>
            <w:r w:rsidRPr="00397DDB">
              <w:rPr>
                <w:bCs/>
              </w:rPr>
              <w:tab/>
              <w:t>416-597-6279</w:t>
            </w:r>
            <w:r w:rsidRPr="00397DDB">
              <w:rPr>
                <w:bCs/>
              </w:rPr>
              <w:br/>
              <w:t>Email:</w:t>
            </w:r>
            <w:r w:rsidRPr="00397DDB">
              <w:rPr>
                <w:bCs/>
              </w:rPr>
              <w:tab/>
              <w:t>pkolla@goodmans.ca</w:t>
            </w:r>
          </w:p>
          <w:p w:rsidR="00425E6B" w:rsidRPr="00397DDB" w:rsidP="00397DDB" w14:paraId="051FFEA0" w14:textId="385A41A1">
            <w:pPr>
              <w:jc w:val="left"/>
              <w:rPr>
                <w:b/>
              </w:rPr>
            </w:pPr>
            <w:r w:rsidRPr="00397DDB">
              <w:rPr>
                <w:bCs/>
              </w:rPr>
              <w:t>Counsel for Epiq Class Actions Services Canada Inc.</w:t>
            </w:r>
          </w:p>
        </w:tc>
      </w:tr>
      <w:tr w14:paraId="22663295" w14:textId="77777777" w:rsidTr="00397DDB">
        <w:tblPrEx>
          <w:tblW w:w="9625" w:type="dxa"/>
          <w:tblLook w:val="04A0"/>
        </w:tblPrEx>
        <w:tc>
          <w:tcPr>
            <w:tcW w:w="1525" w:type="dxa"/>
          </w:tcPr>
          <w:p w:rsidR="00A41F4D" w:rsidRPr="00397DDB" w:rsidP="00397DDB" w14:paraId="275FD763" w14:textId="6F29D251">
            <w:pPr>
              <w:jc w:val="left"/>
              <w:rPr>
                <w:b/>
              </w:rPr>
            </w:pPr>
            <w:r w:rsidRPr="00397DDB">
              <w:rPr>
                <w:b/>
              </w:rPr>
              <w:t>AND TO:</w:t>
            </w:r>
          </w:p>
        </w:tc>
        <w:tc>
          <w:tcPr>
            <w:tcW w:w="8100" w:type="dxa"/>
          </w:tcPr>
          <w:p w:rsidR="00A41F4D" w:rsidRPr="00397DDB" w:rsidP="00397DDB" w14:paraId="14B51C65" w14:textId="77777777">
            <w:pPr>
              <w:spacing w:after="0"/>
              <w:jc w:val="left"/>
              <w:rPr>
                <w:b/>
              </w:rPr>
            </w:pPr>
            <w:r w:rsidRPr="00397DDB">
              <w:rPr>
                <w:b/>
              </w:rPr>
              <w:t>ROBINSON SHEPPARD SHAPRIO S.E.N.C.R.L./LLP</w:t>
            </w:r>
          </w:p>
          <w:p w:rsidR="00A41F4D" w:rsidRPr="00397DDB" w:rsidP="00397DDB" w14:paraId="035A0FD8" w14:textId="77777777">
            <w:pPr>
              <w:spacing w:after="0"/>
              <w:jc w:val="left"/>
              <w:rPr>
                <w:bCs/>
              </w:rPr>
            </w:pPr>
            <w:r w:rsidRPr="00397DDB">
              <w:rPr>
                <w:bCs/>
              </w:rPr>
              <w:t>800, du Square Victoria, #4600</w:t>
            </w:r>
          </w:p>
          <w:p w:rsidR="00A41F4D" w:rsidRPr="00397DDB" w:rsidP="00397DDB" w14:paraId="311E82FF" w14:textId="77777777">
            <w:pPr>
              <w:spacing w:after="0"/>
              <w:jc w:val="left"/>
              <w:rPr>
                <w:bCs/>
              </w:rPr>
            </w:pPr>
            <w:r w:rsidRPr="00397DDB">
              <w:rPr>
                <w:bCs/>
              </w:rPr>
              <w:t>Montréal QC  H3C 0B4</w:t>
            </w:r>
          </w:p>
          <w:p w:rsidR="00A41F4D" w:rsidRPr="00397DDB" w:rsidP="00397DDB" w14:paraId="4DE1D9AD" w14:textId="2D1D7600">
            <w:pPr>
              <w:spacing w:after="0"/>
              <w:jc w:val="left"/>
              <w:rPr>
                <w:bCs/>
              </w:rPr>
            </w:pPr>
            <w:r w:rsidRPr="00397DDB">
              <w:rPr>
                <w:bCs/>
              </w:rPr>
              <w:t xml:space="preserve">Tel: </w:t>
            </w:r>
            <w:r w:rsidRPr="00397DDB">
              <w:rPr>
                <w:bCs/>
              </w:rPr>
              <w:tab/>
              <w:t>514-878-2631</w:t>
            </w:r>
          </w:p>
          <w:p w:rsidR="00A41F4D" w:rsidRPr="00397DDB" w:rsidP="00397DDB" w14:paraId="6D3C8BA1" w14:textId="77777777">
            <w:pPr>
              <w:spacing w:after="0"/>
              <w:jc w:val="left"/>
              <w:rPr>
                <w:bCs/>
              </w:rPr>
            </w:pPr>
            <w:r w:rsidRPr="00397DDB">
              <w:rPr>
                <w:bCs/>
              </w:rPr>
              <w:t xml:space="preserve">Fax: </w:t>
            </w:r>
            <w:r w:rsidRPr="00397DDB">
              <w:rPr>
                <w:bCs/>
              </w:rPr>
              <w:tab/>
              <w:t>514-878-1865</w:t>
            </w:r>
          </w:p>
          <w:p w:rsidR="00A41F4D" w:rsidRPr="00397DDB" w:rsidP="00397DDB" w14:paraId="23560009" w14:textId="77777777">
            <w:pPr>
              <w:spacing w:after="0"/>
              <w:jc w:val="left"/>
              <w:rPr>
                <w:b/>
              </w:rPr>
            </w:pPr>
          </w:p>
          <w:p w:rsidR="00A41F4D" w:rsidRPr="00397DDB" w:rsidP="00397DDB" w14:paraId="625BD9B1" w14:textId="77777777">
            <w:pPr>
              <w:spacing w:after="0"/>
              <w:jc w:val="left"/>
              <w:rPr>
                <w:b/>
              </w:rPr>
            </w:pPr>
            <w:r w:rsidRPr="00397DDB">
              <w:rPr>
                <w:b/>
              </w:rPr>
              <w:t>Nick Krnjevic</w:t>
            </w:r>
          </w:p>
          <w:p w:rsidR="00A41F4D" w:rsidRPr="00397DDB" w:rsidP="00397DDB" w14:paraId="1CE4BE5E" w14:textId="77777777">
            <w:pPr>
              <w:spacing w:after="0"/>
              <w:jc w:val="left"/>
              <w:rPr>
                <w:bCs/>
              </w:rPr>
            </w:pPr>
            <w:r w:rsidRPr="00397DDB">
              <w:rPr>
                <w:bCs/>
              </w:rPr>
              <w:t>Tel:</w:t>
            </w:r>
            <w:r w:rsidRPr="00397DDB">
              <w:rPr>
                <w:bCs/>
              </w:rPr>
              <w:tab/>
              <w:t>514-393-4027</w:t>
            </w:r>
          </w:p>
          <w:p w:rsidR="00A41F4D" w:rsidRPr="00397DDB" w:rsidP="00397DDB" w14:paraId="607DAC04" w14:textId="77777777">
            <w:pPr>
              <w:spacing w:after="0"/>
              <w:jc w:val="left"/>
              <w:rPr>
                <w:bCs/>
              </w:rPr>
            </w:pPr>
            <w:r w:rsidRPr="00397DDB">
              <w:rPr>
                <w:bCs/>
              </w:rPr>
              <w:t>Email:</w:t>
            </w:r>
            <w:r w:rsidRPr="00397DDB">
              <w:rPr>
                <w:bCs/>
              </w:rPr>
              <w:tab/>
              <w:t>nkrnjevic@rsslex.com</w:t>
            </w:r>
          </w:p>
          <w:p w:rsidR="00A41F4D" w:rsidRPr="00397DDB" w:rsidP="00397DDB" w14:paraId="3241CF49" w14:textId="77777777">
            <w:pPr>
              <w:spacing w:after="0"/>
              <w:jc w:val="left"/>
              <w:rPr>
                <w:bCs/>
              </w:rPr>
            </w:pPr>
          </w:p>
          <w:p w:rsidR="00A41F4D" w:rsidRPr="00397DDB" w:rsidP="00397DDB" w14:paraId="6C7EB9CE" w14:textId="77777777">
            <w:pPr>
              <w:spacing w:after="0"/>
              <w:jc w:val="left"/>
              <w:rPr>
                <w:bCs/>
              </w:rPr>
            </w:pPr>
            <w:r w:rsidRPr="00397DDB">
              <w:rPr>
                <w:bCs/>
              </w:rPr>
              <w:t>Counsel</w:t>
            </w:r>
            <w:r w:rsidRPr="00397DDB" w:rsidR="00ED1D6C">
              <w:rPr>
                <w:bCs/>
              </w:rPr>
              <w:t xml:space="preserve"> for Lloyd’s Insurance of London and Aviva Insurance Company of Canada</w:t>
            </w:r>
          </w:p>
          <w:p w:rsidR="003F25C1" w:rsidRPr="00397DDB" w:rsidP="00397DDB" w14:paraId="22D6B839" w14:textId="2D4C56C5">
            <w:pPr>
              <w:spacing w:after="0"/>
              <w:jc w:val="left"/>
              <w:rPr>
                <w:b/>
              </w:rPr>
            </w:pPr>
          </w:p>
        </w:tc>
      </w:tr>
      <w:tr w14:paraId="5DD2DC8E" w14:textId="77777777" w:rsidTr="00397DDB">
        <w:tblPrEx>
          <w:tblW w:w="9625" w:type="dxa"/>
          <w:tblLook w:val="04A0"/>
        </w:tblPrEx>
        <w:tc>
          <w:tcPr>
            <w:tcW w:w="1525" w:type="dxa"/>
          </w:tcPr>
          <w:p w:rsidR="00ED1D6C" w:rsidRPr="00397DDB" w:rsidP="00397DDB" w14:paraId="216F6B35" w14:textId="74096B1C">
            <w:pPr>
              <w:jc w:val="left"/>
              <w:rPr>
                <w:b/>
              </w:rPr>
            </w:pPr>
            <w:r w:rsidRPr="00397DDB">
              <w:rPr>
                <w:b/>
              </w:rPr>
              <w:t>AND TO:</w:t>
            </w:r>
          </w:p>
        </w:tc>
        <w:tc>
          <w:tcPr>
            <w:tcW w:w="8100" w:type="dxa"/>
          </w:tcPr>
          <w:p w:rsidR="00ED1D6C" w:rsidRPr="00397DDB" w:rsidP="00397DDB" w14:paraId="7D641D62" w14:textId="77777777">
            <w:pPr>
              <w:spacing w:after="0"/>
              <w:jc w:val="left"/>
              <w:rPr>
                <w:b/>
              </w:rPr>
            </w:pPr>
            <w:r w:rsidRPr="00397DDB">
              <w:rPr>
                <w:b/>
              </w:rPr>
              <w:t>FOGLER RUBINOFF LLP</w:t>
            </w:r>
          </w:p>
          <w:p w:rsidR="00ED1D6C" w:rsidRPr="00397DDB" w:rsidP="00397DDB" w14:paraId="04C824BA" w14:textId="77777777">
            <w:pPr>
              <w:spacing w:after="0"/>
              <w:jc w:val="left"/>
              <w:rPr>
                <w:bCs/>
              </w:rPr>
            </w:pPr>
            <w:r w:rsidRPr="00397DDB">
              <w:rPr>
                <w:bCs/>
              </w:rPr>
              <w:t>Scotia Plaza</w:t>
            </w:r>
            <w:r w:rsidRPr="00397DDB">
              <w:rPr>
                <w:bCs/>
              </w:rPr>
              <w:br/>
              <w:t>40 King Street West, Suite 2400</w:t>
            </w:r>
            <w:r w:rsidRPr="00397DDB">
              <w:rPr>
                <w:bCs/>
              </w:rPr>
              <w:br/>
              <w:t>P.O. Box #215</w:t>
            </w:r>
            <w:r w:rsidRPr="00397DDB">
              <w:rPr>
                <w:bCs/>
              </w:rPr>
              <w:br/>
              <w:t>Toronto, Ontario M5H 3Y2</w:t>
            </w:r>
          </w:p>
          <w:p w:rsidR="00ED1D6C" w:rsidRPr="00397DDB" w:rsidP="00397DDB" w14:paraId="0D35AB3F" w14:textId="77777777">
            <w:pPr>
              <w:spacing w:after="0"/>
              <w:jc w:val="left"/>
              <w:rPr>
                <w:bCs/>
              </w:rPr>
            </w:pPr>
            <w:r w:rsidRPr="00397DDB">
              <w:rPr>
                <w:bCs/>
              </w:rPr>
              <w:t>Tel:</w:t>
            </w:r>
            <w:r w:rsidRPr="00397DDB">
              <w:rPr>
                <w:bCs/>
              </w:rPr>
              <w:tab/>
              <w:t>416-864-9700</w:t>
            </w:r>
          </w:p>
          <w:p w:rsidR="00ED1D6C" w:rsidRPr="00397DDB" w:rsidP="00397DDB" w14:paraId="5EF741CA" w14:textId="77777777">
            <w:pPr>
              <w:spacing w:after="0"/>
              <w:jc w:val="left"/>
              <w:rPr>
                <w:bCs/>
              </w:rPr>
            </w:pPr>
            <w:r w:rsidRPr="00397DDB">
              <w:rPr>
                <w:bCs/>
              </w:rPr>
              <w:t>Fax:</w:t>
            </w:r>
            <w:r w:rsidRPr="00397DDB">
              <w:rPr>
                <w:bCs/>
              </w:rPr>
              <w:tab/>
              <w:t>416-941-8852</w:t>
            </w:r>
          </w:p>
          <w:p w:rsidR="00ED1D6C" w:rsidRPr="00397DDB" w:rsidP="00397DDB" w14:paraId="4EA3BB2C" w14:textId="77777777">
            <w:pPr>
              <w:spacing w:after="0"/>
              <w:jc w:val="left"/>
              <w:rPr>
                <w:b/>
              </w:rPr>
            </w:pPr>
          </w:p>
          <w:p w:rsidR="00ED1D6C" w:rsidRPr="00397DDB" w:rsidP="00397DDB" w14:paraId="7A506A30" w14:textId="77777777">
            <w:pPr>
              <w:spacing w:after="0"/>
              <w:jc w:val="left"/>
              <w:rPr>
                <w:b/>
              </w:rPr>
            </w:pPr>
            <w:r w:rsidRPr="00397DDB">
              <w:rPr>
                <w:b/>
              </w:rPr>
              <w:t>Catherine Francis</w:t>
            </w:r>
          </w:p>
          <w:p w:rsidR="00ED1D6C" w:rsidRPr="00397DDB" w:rsidP="00397DDB" w14:paraId="7A06A028" w14:textId="77777777">
            <w:pPr>
              <w:spacing w:after="0"/>
              <w:jc w:val="left"/>
              <w:rPr>
                <w:bCs/>
              </w:rPr>
            </w:pPr>
            <w:r w:rsidRPr="00397DDB">
              <w:rPr>
                <w:bCs/>
              </w:rPr>
              <w:t>Tel:</w:t>
            </w:r>
            <w:r w:rsidRPr="00397DDB">
              <w:rPr>
                <w:bCs/>
              </w:rPr>
              <w:tab/>
              <w:t>416-941-8861</w:t>
            </w:r>
          </w:p>
          <w:p w:rsidR="00ED1D6C" w:rsidRPr="00397DDB" w:rsidP="00397DDB" w14:paraId="6B3B0DF3" w14:textId="3C108B19">
            <w:pPr>
              <w:spacing w:after="0"/>
              <w:jc w:val="left"/>
              <w:rPr>
                <w:bCs/>
              </w:rPr>
            </w:pPr>
            <w:r w:rsidRPr="00397DDB">
              <w:rPr>
                <w:bCs/>
              </w:rPr>
              <w:t>Email:</w:t>
            </w:r>
            <w:r w:rsidRPr="00397DDB">
              <w:rPr>
                <w:bCs/>
              </w:rPr>
              <w:tab/>
              <w:t>cfrancis@foglers.com</w:t>
            </w:r>
          </w:p>
          <w:p w:rsidR="00ED1D6C" w:rsidRPr="00397DDB" w:rsidP="00397DDB" w14:paraId="56AFD6FE" w14:textId="77777777">
            <w:pPr>
              <w:spacing w:after="0"/>
              <w:jc w:val="left"/>
              <w:rPr>
                <w:b/>
              </w:rPr>
            </w:pPr>
          </w:p>
          <w:p w:rsidR="00ED1D6C" w:rsidRPr="00397DDB" w:rsidP="00397DDB" w14:paraId="4171BDDC" w14:textId="77777777">
            <w:pPr>
              <w:spacing w:after="0"/>
              <w:jc w:val="left"/>
              <w:rPr>
                <w:bCs/>
              </w:rPr>
            </w:pPr>
            <w:r w:rsidRPr="00397DDB">
              <w:rPr>
                <w:bCs/>
              </w:rPr>
              <w:t>Counsel for Aviva Insurance Company of Canada</w:t>
            </w:r>
          </w:p>
          <w:p w:rsidR="003F25C1" w:rsidRPr="00397DDB" w:rsidP="00397DDB" w14:paraId="4A70A0BA" w14:textId="30ABD476">
            <w:pPr>
              <w:spacing w:after="0"/>
              <w:jc w:val="left"/>
              <w:rPr>
                <w:bCs/>
              </w:rPr>
            </w:pPr>
          </w:p>
        </w:tc>
      </w:tr>
      <w:tr w14:paraId="4F324002" w14:textId="77777777" w:rsidTr="00397DDB">
        <w:tblPrEx>
          <w:tblW w:w="9625" w:type="dxa"/>
          <w:tblLook w:val="04A0"/>
        </w:tblPrEx>
        <w:tc>
          <w:tcPr>
            <w:tcW w:w="1525" w:type="dxa"/>
          </w:tcPr>
          <w:p w:rsidR="00874B39" w:rsidRPr="00397DDB" w:rsidP="00397DDB" w14:paraId="0A195199" w14:textId="4BF8A2D0">
            <w:pPr>
              <w:jc w:val="left"/>
              <w:rPr>
                <w:b/>
              </w:rPr>
            </w:pPr>
            <w:r w:rsidRPr="00397DDB">
              <w:rPr>
                <w:b/>
              </w:rPr>
              <w:t>AND TO:</w:t>
            </w:r>
          </w:p>
        </w:tc>
        <w:tc>
          <w:tcPr>
            <w:tcW w:w="8100" w:type="dxa"/>
          </w:tcPr>
          <w:p w:rsidR="00874B39" w:rsidRPr="00397DDB" w:rsidP="00397DDB" w14:paraId="5A06B95A" w14:textId="3BFA3D56">
            <w:pPr>
              <w:spacing w:after="0"/>
              <w:jc w:val="left"/>
              <w:rPr>
                <w:bCs/>
              </w:rPr>
            </w:pPr>
            <w:r w:rsidRPr="00397DDB">
              <w:rPr>
                <w:b/>
              </w:rPr>
              <w:t>OFFICE OF THE SUPERINTENDENT OF BANKRUPTCY</w:t>
            </w:r>
            <w:r w:rsidRPr="00397DDB" w:rsidR="00237960">
              <w:rPr>
                <w:b/>
              </w:rPr>
              <w:t xml:space="preserve"> CANADA</w:t>
            </w:r>
          </w:p>
          <w:p w:rsidR="00A1033D" w:rsidRPr="00397DDB" w:rsidP="00397DDB" w14:paraId="2BB79B07" w14:textId="1984C4F7">
            <w:pPr>
              <w:spacing w:after="0"/>
              <w:jc w:val="left"/>
              <w:rPr>
                <w:bCs/>
              </w:rPr>
            </w:pPr>
            <w:r w:rsidRPr="00397DDB">
              <w:rPr>
                <w:bCs/>
              </w:rPr>
              <w:t>C.D. Howe Building</w:t>
            </w:r>
          </w:p>
          <w:p w:rsidR="00237960" w:rsidRPr="00397DDB" w:rsidP="00397DDB" w14:paraId="281D77F8" w14:textId="7C4B6852">
            <w:pPr>
              <w:spacing w:after="0"/>
              <w:jc w:val="left"/>
              <w:rPr>
                <w:bCs/>
              </w:rPr>
            </w:pPr>
            <w:r w:rsidRPr="00397DDB">
              <w:rPr>
                <w:bCs/>
              </w:rPr>
              <w:t>235 Queen Street</w:t>
            </w:r>
          </w:p>
          <w:p w:rsidR="00A1033D" w:rsidRPr="00397DDB" w:rsidP="00397DDB" w14:paraId="3DC31BE8" w14:textId="7CCC70B0">
            <w:pPr>
              <w:spacing w:after="0"/>
              <w:jc w:val="left"/>
              <w:rPr>
                <w:bCs/>
              </w:rPr>
            </w:pPr>
            <w:r w:rsidRPr="00397DDB">
              <w:rPr>
                <w:bCs/>
              </w:rPr>
              <w:t>Ottawa</w:t>
            </w:r>
            <w:r w:rsidRPr="00397DDB">
              <w:rPr>
                <w:bCs/>
              </w:rPr>
              <w:t xml:space="preserve">, Ontario  </w:t>
            </w:r>
            <w:r w:rsidRPr="00397DDB">
              <w:rPr>
                <w:bCs/>
              </w:rPr>
              <w:t>K1A 0H5</w:t>
            </w:r>
          </w:p>
          <w:p w:rsidR="00A1033D" w:rsidRPr="00397DDB" w:rsidP="00397DDB" w14:paraId="431D5193" w14:textId="77777777">
            <w:pPr>
              <w:spacing w:after="0"/>
              <w:jc w:val="left"/>
              <w:rPr>
                <w:bCs/>
              </w:rPr>
            </w:pPr>
          </w:p>
          <w:p w:rsidR="00874B39" w:rsidRPr="00397DDB" w:rsidP="00397DDB" w14:paraId="4ABD3372" w14:textId="77777777">
            <w:pPr>
              <w:spacing w:after="0"/>
              <w:jc w:val="left"/>
              <w:rPr>
                <w:bCs/>
              </w:rPr>
            </w:pPr>
            <w:r w:rsidRPr="00397DDB">
              <w:rPr>
                <w:bCs/>
              </w:rPr>
              <w:t>Email:</w:t>
            </w:r>
            <w:r w:rsidRPr="00397DDB">
              <w:rPr>
                <w:bCs/>
              </w:rPr>
              <w:tab/>
            </w:r>
            <w:bookmarkStart w:id="3" w:name="_Hlk216519253"/>
            <w:r w:rsidRPr="00397DDB">
              <w:rPr>
                <w:bCs/>
              </w:rPr>
              <w:t>osbccaa-laccbsf@ised-isde.gc.ca</w:t>
            </w:r>
            <w:bookmarkEnd w:id="3"/>
          </w:p>
          <w:p w:rsidR="00237960" w:rsidRPr="00397DDB" w:rsidP="00397DDB" w14:paraId="085C122F" w14:textId="62E58471">
            <w:pPr>
              <w:spacing w:after="0"/>
              <w:jc w:val="left"/>
              <w:rPr>
                <w:bCs/>
              </w:rPr>
            </w:pPr>
          </w:p>
        </w:tc>
      </w:tr>
    </w:tbl>
    <w:p w:rsidR="00E700C6" w:rsidRPr="00397DDB" w14:paraId="5BF9AEC1" w14:textId="77777777"/>
    <w:tbl>
      <w:tblPr>
        <w:tblStyle w:val="TableGrid"/>
        <w:tblW w:w="9625" w:type="dxa"/>
        <w:tblLook w:val="04A0"/>
      </w:tblPr>
      <w:tblGrid>
        <w:gridCol w:w="1525"/>
        <w:gridCol w:w="8100"/>
      </w:tblGrid>
      <w:tr w14:paraId="4CD8D740" w14:textId="77777777" w:rsidTr="00475F7A">
        <w:tblPrEx>
          <w:tblW w:w="9625" w:type="dxa"/>
          <w:tblLook w:val="04A0"/>
        </w:tblPrEx>
        <w:trPr>
          <w:cantSplit/>
        </w:trPr>
        <w:tc>
          <w:tcPr>
            <w:tcW w:w="1525" w:type="dxa"/>
          </w:tcPr>
          <w:p w:rsidR="00E77ED6" w:rsidRPr="00397DDB" w:rsidP="003A064F" w14:paraId="59BA3E7A" w14:textId="2CB46C36">
            <w:pPr>
              <w:jc w:val="left"/>
              <w:rPr>
                <w:b/>
              </w:rPr>
            </w:pPr>
            <w:r w:rsidRPr="00397DDB">
              <w:rPr>
                <w:b/>
              </w:rPr>
              <w:t>Courtesy Copy To:</w:t>
            </w:r>
          </w:p>
        </w:tc>
        <w:tc>
          <w:tcPr>
            <w:tcW w:w="8100" w:type="dxa"/>
          </w:tcPr>
          <w:p w:rsidR="00E77ED6" w:rsidRPr="00397DDB" w:rsidP="003A064F" w14:paraId="27AF49D5" w14:textId="77777777">
            <w:pPr>
              <w:jc w:val="left"/>
              <w:rPr>
                <w:bCs/>
              </w:rPr>
            </w:pPr>
            <w:r w:rsidRPr="00397DDB">
              <w:rPr>
                <w:b/>
              </w:rPr>
              <w:t>DEBTWIRE</w:t>
            </w:r>
            <w:r w:rsidRPr="00397DDB">
              <w:rPr>
                <w:bCs/>
              </w:rPr>
              <w:br/>
              <w:t>1501 Broadway, 8</w:t>
            </w:r>
            <w:r w:rsidRPr="00397DDB">
              <w:rPr>
                <w:bCs/>
                <w:vertAlign w:val="superscript"/>
              </w:rPr>
              <w:t>th</w:t>
            </w:r>
            <w:r w:rsidRPr="00397DDB">
              <w:rPr>
                <w:bCs/>
              </w:rPr>
              <w:t xml:space="preserve"> Floor</w:t>
            </w:r>
            <w:r w:rsidRPr="00397DDB">
              <w:rPr>
                <w:bCs/>
              </w:rPr>
              <w:br/>
              <w:t>New York, NY  10036</w:t>
            </w:r>
          </w:p>
          <w:p w:rsidR="00E77ED6" w:rsidRPr="00397DDB" w:rsidP="003A064F" w14:paraId="35182BDD" w14:textId="77777777">
            <w:pPr>
              <w:jc w:val="left"/>
              <w:rPr>
                <w:bCs/>
              </w:rPr>
            </w:pPr>
            <w:r w:rsidRPr="00397DDB">
              <w:rPr>
                <w:b/>
              </w:rPr>
              <w:t>John Bringardner</w:t>
            </w:r>
            <w:r w:rsidRPr="00397DDB">
              <w:rPr>
                <w:bCs/>
              </w:rPr>
              <w:br/>
              <w:t>Tel:</w:t>
            </w:r>
            <w:r w:rsidRPr="00397DDB">
              <w:rPr>
                <w:bCs/>
              </w:rPr>
              <w:tab/>
              <w:t>646-378-3143</w:t>
            </w:r>
            <w:r w:rsidRPr="00397DDB">
              <w:rPr>
                <w:bCs/>
              </w:rPr>
              <w:br/>
              <w:t>Email:</w:t>
            </w:r>
            <w:r w:rsidRPr="00397DDB">
              <w:rPr>
                <w:bCs/>
              </w:rPr>
              <w:tab/>
              <w:t>john.bringardner@acuris.com</w:t>
            </w:r>
          </w:p>
          <w:p w:rsidR="00E77ED6" w:rsidRPr="00397DDB" w:rsidP="003A064F" w14:paraId="58FBBEF0" w14:textId="1266BCD0">
            <w:pPr>
              <w:jc w:val="left"/>
              <w:rPr>
                <w:bCs/>
              </w:rPr>
            </w:pPr>
            <w:r w:rsidRPr="00397DDB">
              <w:rPr>
                <w:bCs/>
              </w:rPr>
              <w:t>Global Legal Editor</w:t>
            </w:r>
          </w:p>
        </w:tc>
      </w:tr>
      <w:tr w14:paraId="684A1FD0" w14:textId="77777777" w:rsidTr="00475F7A">
        <w:tblPrEx>
          <w:tblW w:w="9625" w:type="dxa"/>
          <w:tblLook w:val="04A0"/>
        </w:tblPrEx>
        <w:trPr>
          <w:cantSplit/>
        </w:trPr>
        <w:tc>
          <w:tcPr>
            <w:tcW w:w="1525" w:type="dxa"/>
          </w:tcPr>
          <w:p w:rsidR="00743609" w:rsidRPr="00397DDB" w:rsidP="003A064F" w14:paraId="0BE5E8F1" w14:textId="593DBE3D">
            <w:pPr>
              <w:jc w:val="left"/>
              <w:rPr>
                <w:b/>
              </w:rPr>
            </w:pPr>
            <w:r w:rsidRPr="00397DDB">
              <w:rPr>
                <w:b/>
              </w:rPr>
              <w:t>And to:</w:t>
            </w:r>
          </w:p>
        </w:tc>
        <w:tc>
          <w:tcPr>
            <w:tcW w:w="8100" w:type="dxa"/>
          </w:tcPr>
          <w:p w:rsidR="00743609" w:rsidRPr="00397DDB" w:rsidP="003A064F" w14:paraId="12E57327" w14:textId="77777777">
            <w:pPr>
              <w:jc w:val="left"/>
              <w:rPr>
                <w:bCs/>
              </w:rPr>
            </w:pPr>
            <w:r w:rsidRPr="00397DDB">
              <w:rPr>
                <w:b/>
              </w:rPr>
              <w:t>PHYSICIANS FOR A SMOKE-FREE CANADA</w:t>
            </w:r>
            <w:r w:rsidRPr="00397DDB">
              <w:rPr>
                <w:bCs/>
              </w:rPr>
              <w:br/>
              <w:t>98 Stirling Avenue</w:t>
            </w:r>
            <w:r w:rsidRPr="00397DDB">
              <w:rPr>
                <w:bCs/>
              </w:rPr>
              <w:br/>
              <w:t>Ottawa, Ontario  K1Y 1R1</w:t>
            </w:r>
          </w:p>
          <w:p w:rsidR="00743609" w:rsidRPr="00397DDB" w:rsidP="003A064F" w14:paraId="0E262445" w14:textId="2EBCF1CF">
            <w:pPr>
              <w:jc w:val="left"/>
              <w:rPr>
                <w:bCs/>
              </w:rPr>
            </w:pPr>
            <w:r w:rsidRPr="00397DDB">
              <w:rPr>
                <w:b/>
              </w:rPr>
              <w:t>Cynthia Callard</w:t>
            </w:r>
            <w:r w:rsidRPr="00397DDB">
              <w:rPr>
                <w:bCs/>
              </w:rPr>
              <w:br/>
              <w:t>Tel:</w:t>
            </w:r>
            <w:r w:rsidRPr="00397DDB">
              <w:rPr>
                <w:bCs/>
              </w:rPr>
              <w:tab/>
              <w:t>613-600-5794</w:t>
            </w:r>
            <w:r w:rsidRPr="00397DDB">
              <w:rPr>
                <w:bCs/>
              </w:rPr>
              <w:br/>
              <w:t>Email:</w:t>
            </w:r>
            <w:r w:rsidRPr="00397DDB">
              <w:rPr>
                <w:bCs/>
              </w:rPr>
              <w:tab/>
              <w:t>ccallard@smoke-free.ca</w:t>
            </w:r>
          </w:p>
        </w:tc>
      </w:tr>
    </w:tbl>
    <w:p w:rsidR="00C41C6C" w:rsidRPr="00397DDB" w:rsidP="00C41C6C" w14:paraId="5BFD9963" w14:textId="1BA36090">
      <w:pPr>
        <w:spacing w:after="0"/>
        <w:jc w:val="left"/>
      </w:pPr>
    </w:p>
    <w:p w:rsidR="0053228D" w:rsidRPr="00397DDB" w:rsidP="00C41C6C" w14:paraId="65BC41DC" w14:textId="77777777">
      <w:pPr>
        <w:spacing w:after="0"/>
        <w:jc w:val="left"/>
      </w:pPr>
    </w:p>
    <w:p w:rsidR="00C41C6C" w:rsidRPr="00397DDB" w:rsidP="00A053B2" w14:paraId="53BFCB44" w14:textId="731DDEEA">
      <w:pPr>
        <w:spacing w:after="0"/>
        <w:jc w:val="center"/>
        <w:rPr>
          <w:b/>
        </w:rPr>
        <w:sectPr w:rsidSect="00705BEC">
          <w:headerReference w:type="even" r:id="rId4"/>
          <w:headerReference w:type="default" r:id="rId5"/>
          <w:footerReference w:type="even" r:id="rId6"/>
          <w:footerReference w:type="default" r:id="rId7"/>
          <w:headerReference w:type="first" r:id="rId8"/>
          <w:footerReference w:type="first" r:id="rId9"/>
          <w:pgSz w:w="12240" w:h="15840" w:code="1"/>
          <w:pgMar w:top="1440" w:right="1440" w:bottom="1440" w:left="1440" w:header="720" w:footer="720" w:gutter="0"/>
          <w:pgNumType w:fmt="numberInDash" w:start="1"/>
          <w:cols w:space="720"/>
          <w:titlePg/>
          <w:docGrid w:linePitch="360"/>
        </w:sectPr>
      </w:pPr>
    </w:p>
    <w:p w:rsidR="006B5461" w:rsidRPr="00397DDB" w:rsidP="00A053B2" w14:paraId="2C18BAB0" w14:textId="77777777">
      <w:pPr>
        <w:spacing w:after="0"/>
        <w:jc w:val="center"/>
        <w:rPr>
          <w:b/>
        </w:rPr>
      </w:pPr>
      <w:r w:rsidRPr="00397DDB">
        <w:rPr>
          <w:b/>
        </w:rPr>
        <w:t xml:space="preserve">Email Service List </w:t>
      </w:r>
    </w:p>
    <w:p w:rsidR="006B5461" w:rsidRPr="00397DDB" w:rsidP="00622835" w14:paraId="4BBEC748" w14:textId="77777777">
      <w:pPr>
        <w:spacing w:after="0"/>
      </w:pPr>
    </w:p>
    <w:p w:rsidR="006B5461" w:rsidRPr="00397DDB" w:rsidP="007A38C8" w14:paraId="70EFEAB9" w14:textId="2D09723C">
      <w:pPr>
        <w:jc w:val="left"/>
        <w:rPr>
          <w:bCs/>
        </w:rPr>
      </w:pPr>
      <w:bookmarkStart w:id="4" w:name="_Hlk207201628"/>
      <w:r w:rsidRPr="00397DDB">
        <w:t>rthornton@tgf.ca</w:t>
      </w:r>
      <w:r w:rsidRPr="00397DDB">
        <w:rPr>
          <w:rStyle w:val="Hyperlink"/>
          <w:color w:val="auto"/>
          <w:u w:val="none"/>
        </w:rPr>
        <w:t xml:space="preserve">; </w:t>
      </w:r>
      <w:r w:rsidRPr="00397DDB">
        <w:t>lwilliams@tgf.ca</w:t>
      </w:r>
      <w:r w:rsidRPr="00397DDB">
        <w:rPr>
          <w:rStyle w:val="Hyperlink"/>
          <w:color w:val="auto"/>
          <w:u w:val="none"/>
        </w:rPr>
        <w:t xml:space="preserve">; </w:t>
      </w:r>
      <w:r w:rsidRPr="00397DDB">
        <w:t>r</w:t>
      </w:r>
      <w:r w:rsidRPr="00397DDB" w:rsidR="00DC0B9E">
        <w:t>nicholson</w:t>
      </w:r>
      <w:r w:rsidRPr="00397DDB">
        <w:t>@tgf.ca; mgrossell@tgf.ca;</w:t>
      </w:r>
      <w:r w:rsidRPr="00397DDB" w:rsidR="005B7915">
        <w:t xml:space="preserve"> jfinnigan@tg</w:t>
      </w:r>
      <w:r w:rsidRPr="00397DDB" w:rsidR="005D5F22">
        <w:t>f</w:t>
      </w:r>
      <w:r w:rsidRPr="00397DDB" w:rsidR="005B7915">
        <w:t>.ca;</w:t>
      </w:r>
      <w:r w:rsidRPr="00397DDB" w:rsidR="009E45B9">
        <w:t xml:space="preserve"> </w:t>
      </w:r>
      <w:r w:rsidRPr="00397DDB" w:rsidR="007D604C">
        <w:t>rohare@tgf.ca;</w:t>
      </w:r>
      <w:r w:rsidRPr="00397DDB" w:rsidR="00C116EE">
        <w:t xml:space="preserve"> rchakrabarti@tgf.ca;</w:t>
      </w:r>
      <w:r w:rsidRPr="00397DDB" w:rsidR="007D604C">
        <w:t xml:space="preserve"> </w:t>
      </w:r>
      <w:r w:rsidRPr="00397DDB">
        <w:t>waleung@deloitte.ca</w:t>
      </w:r>
      <w:r w:rsidRPr="00397DDB">
        <w:rPr>
          <w:rStyle w:val="Hyperlink"/>
          <w:color w:val="auto"/>
          <w:u w:val="none"/>
        </w:rPr>
        <w:t>;</w:t>
      </w:r>
      <w:r w:rsidRPr="00397DDB" w:rsidR="00A455E5">
        <w:rPr>
          <w:rStyle w:val="Hyperlink"/>
          <w:color w:val="auto"/>
          <w:u w:val="none"/>
        </w:rPr>
        <w:t xml:space="preserve"> jnadon@deloitte.ca; </w:t>
      </w:r>
      <w:r w:rsidRPr="00397DDB" w:rsidR="001241F0">
        <w:rPr>
          <w:rStyle w:val="Hyperlink"/>
          <w:color w:val="auto"/>
          <w:u w:val="none"/>
        </w:rPr>
        <w:t>philreynolds@deloitte.ca;</w:t>
      </w:r>
      <w:r w:rsidRPr="00397DDB" w:rsidR="001D277D">
        <w:rPr>
          <w:rStyle w:val="Hyperlink"/>
          <w:color w:val="auto"/>
          <w:u w:val="none"/>
        </w:rPr>
        <w:t xml:space="preserve"> </w:t>
      </w:r>
      <w:r w:rsidRPr="00397DDB">
        <w:t>pamela.huff@blakes.com</w:t>
      </w:r>
      <w:r w:rsidRPr="00397DDB">
        <w:rPr>
          <w:rStyle w:val="Fillin"/>
          <w:color w:val="auto"/>
        </w:rPr>
        <w:t xml:space="preserve">; </w:t>
      </w:r>
      <w:r w:rsidRPr="00397DDB">
        <w:t>linc.rogers@blakes.com</w:t>
      </w:r>
      <w:r w:rsidRPr="00397DDB">
        <w:rPr>
          <w:rStyle w:val="Hyperlink"/>
          <w:color w:val="auto"/>
          <w:u w:val="none"/>
        </w:rPr>
        <w:t xml:space="preserve">; </w:t>
      </w:r>
      <w:r w:rsidRPr="00397DDB" w:rsidR="00D33509">
        <w:rPr>
          <w:rStyle w:val="Hyperlink"/>
          <w:color w:val="auto"/>
          <w:u w:val="none"/>
        </w:rPr>
        <w:t xml:space="preserve">jake.harris@blakes.com; </w:t>
      </w:r>
      <w:r w:rsidRPr="00397DDB">
        <w:rPr>
          <w:rStyle w:val="Hyperlink"/>
          <w:color w:val="auto"/>
          <w:u w:val="none"/>
        </w:rPr>
        <w:t xml:space="preserve">nancy.thompson@blakes.com; </w:t>
      </w:r>
      <w:r w:rsidRPr="00397DDB" w:rsidR="00860961">
        <w:t xml:space="preserve">cmills@millerthomson.com; hsibre@millerthomson.com; </w:t>
      </w:r>
      <w:r w:rsidRPr="00397DDB" w:rsidR="00C41C6C">
        <w:t>baziz@bluetreeadvisors.com</w:t>
      </w:r>
      <w:r w:rsidRPr="00397DDB" w:rsidR="00C41C6C">
        <w:rPr>
          <w:rStyle w:val="Fillin"/>
          <w:color w:val="auto"/>
        </w:rPr>
        <w:t xml:space="preserve">; </w:t>
      </w:r>
      <w:r w:rsidRPr="00397DDB">
        <w:t>dbyers@stikeman.com</w:t>
      </w:r>
      <w:r w:rsidRPr="00397DDB">
        <w:rPr>
          <w:rStyle w:val="Hyperlink"/>
          <w:color w:val="auto"/>
          <w:u w:val="none"/>
        </w:rPr>
        <w:t xml:space="preserve">; </w:t>
      </w:r>
      <w:r w:rsidRPr="00397DDB" w:rsidR="00CA2CF0">
        <w:t>mkonyukhova@stikeman.com</w:t>
      </w:r>
      <w:r w:rsidRPr="00397DDB">
        <w:t xml:space="preserve">; </w:t>
      </w:r>
      <w:r w:rsidRPr="00397DDB" w:rsidR="00CA2CF0">
        <w:t xml:space="preserve">lmercer@stikeman.com; </w:t>
      </w:r>
      <w:r w:rsidRPr="00397DDB">
        <w:t>dglendinning@osler.com</w:t>
      </w:r>
      <w:r w:rsidRPr="00397DDB">
        <w:rPr>
          <w:rStyle w:val="Hyperlink"/>
          <w:color w:val="auto"/>
          <w:u w:val="none"/>
        </w:rPr>
        <w:t xml:space="preserve">; </w:t>
      </w:r>
      <w:r w:rsidRPr="00397DDB">
        <w:t>mwasserman@osler.com</w:t>
      </w:r>
      <w:r w:rsidRPr="00397DDB">
        <w:rPr>
          <w:rStyle w:val="Hyperlink"/>
          <w:color w:val="auto"/>
          <w:u w:val="none"/>
        </w:rPr>
        <w:t xml:space="preserve">; </w:t>
      </w:r>
      <w:r w:rsidRPr="00397DDB" w:rsidR="00D65440">
        <w:rPr>
          <w:rStyle w:val="Hyperlink"/>
          <w:color w:val="auto"/>
          <w:u w:val="none"/>
        </w:rPr>
        <w:t>jmacdonald@osler.com; mdelellis@osler.com;</w:t>
      </w:r>
      <w:r w:rsidRPr="00397DDB" w:rsidR="00FB7B98">
        <w:rPr>
          <w:rStyle w:val="Hyperlink"/>
          <w:color w:val="auto"/>
          <w:u w:val="none"/>
        </w:rPr>
        <w:t xml:space="preserve"> clockwood@osler.com; </w:t>
      </w:r>
      <w:r w:rsidRPr="00397DDB" w:rsidR="00680B6E">
        <w:rPr>
          <w:rStyle w:val="Hyperlink"/>
          <w:color w:val="auto"/>
          <w:u w:val="none"/>
        </w:rPr>
        <w:t xml:space="preserve">mdick@osler.com; </w:t>
      </w:r>
      <w:r w:rsidRPr="00397DDB" w:rsidR="00BF3281">
        <w:rPr>
          <w:rStyle w:val="Hyperlink"/>
          <w:color w:val="auto"/>
          <w:u w:val="none"/>
        </w:rPr>
        <w:t xml:space="preserve">mcalvaruso@osler.com; </w:t>
      </w:r>
      <w:r w:rsidRPr="00397DDB" w:rsidR="00B51D6F">
        <w:t>nmacparland@dwpv.com</w:t>
      </w:r>
      <w:r w:rsidRPr="00397DDB" w:rsidR="00AB0FB9">
        <w:rPr>
          <w:rStyle w:val="Hyperlink"/>
          <w:color w:val="auto"/>
          <w:u w:val="none"/>
        </w:rPr>
        <w:t>;</w:t>
      </w:r>
      <w:r w:rsidRPr="00397DDB" w:rsidR="00826BA4">
        <w:rPr>
          <w:rStyle w:val="Hyperlink"/>
          <w:color w:val="auto"/>
          <w:u w:val="none"/>
        </w:rPr>
        <w:t xml:space="preserve"> csethi@dwpv.com; </w:t>
      </w:r>
      <w:r w:rsidRPr="00397DDB" w:rsidR="00D84B54">
        <w:rPr>
          <w:rStyle w:val="Hyperlink"/>
          <w:color w:val="auto"/>
          <w:u w:val="none"/>
        </w:rPr>
        <w:t xml:space="preserve">rnicholls@dwpv.com; </w:t>
      </w:r>
      <w:r w:rsidRPr="00397DDB" w:rsidR="006A09FA">
        <w:rPr>
          <w:rStyle w:val="Hyperlink"/>
          <w:color w:val="auto"/>
          <w:u w:val="none"/>
        </w:rPr>
        <w:t>nfedak</w:t>
      </w:r>
      <w:r w:rsidRPr="00397DDB" w:rsidR="00D73EAE">
        <w:rPr>
          <w:rStyle w:val="Hyperlink"/>
          <w:color w:val="auto"/>
          <w:u w:val="none"/>
        </w:rPr>
        <w:t xml:space="preserve">@dwpv.com; </w:t>
      </w:r>
      <w:r w:rsidRPr="00397DDB" w:rsidR="00D87BDD">
        <w:rPr>
          <w:rStyle w:val="Hyperlink"/>
          <w:color w:val="auto"/>
          <w:u w:val="none"/>
        </w:rPr>
        <w:t xml:space="preserve">jennifer.feldsher@morganlewis.com; david.shim@morganlewis.com; </w:t>
      </w:r>
      <w:r w:rsidRPr="00397DDB" w:rsidR="0038098D">
        <w:t xml:space="preserve">greg.watson@fticonsulting.com; paul.bishop@fticonsulting.com; jeffrey.rosenberg@fticonsulting.com; </w:t>
      </w:r>
      <w:r w:rsidRPr="00397DDB" w:rsidR="00ED0680">
        <w:t>kamran.hamidi@fticonsulting.com</w:t>
      </w:r>
      <w:r w:rsidRPr="00397DDB" w:rsidR="0038098D">
        <w:t>;</w:t>
      </w:r>
      <w:r w:rsidRPr="00397DDB" w:rsidR="00ED0680">
        <w:t xml:space="preserve"> </w:t>
      </w:r>
      <w:r w:rsidRPr="00397DDB" w:rsidR="00A3209D">
        <w:t xml:space="preserve">carter.wood@fticonsulting.com; </w:t>
      </w:r>
      <w:r w:rsidRPr="00397DDB" w:rsidR="00AB0FB9">
        <w:rPr>
          <w:rStyle w:val="Hyperlink"/>
          <w:color w:val="auto"/>
          <w:u w:val="none"/>
        </w:rPr>
        <w:t>jgage@mccarthy.ca</w:t>
      </w:r>
      <w:r w:rsidRPr="00397DDB">
        <w:rPr>
          <w:rStyle w:val="Hyperlink"/>
          <w:color w:val="auto"/>
          <w:u w:val="none"/>
        </w:rPr>
        <w:t xml:space="preserve">; </w:t>
      </w:r>
      <w:r w:rsidRPr="00397DDB">
        <w:t>hmeredith@mccarthy.ca</w:t>
      </w:r>
      <w:r w:rsidRPr="00397DDB">
        <w:rPr>
          <w:rStyle w:val="Hyperlink"/>
          <w:color w:val="auto"/>
          <w:u w:val="none"/>
        </w:rPr>
        <w:t xml:space="preserve">; </w:t>
      </w:r>
      <w:r w:rsidRPr="00397DDB">
        <w:t>psteep@mccarthy.ca</w:t>
      </w:r>
      <w:r w:rsidRPr="00397DDB">
        <w:rPr>
          <w:rStyle w:val="Hyperlink"/>
          <w:color w:val="auto"/>
          <w:u w:val="none"/>
        </w:rPr>
        <w:t xml:space="preserve">; </w:t>
      </w:r>
      <w:r w:rsidRPr="00397DDB" w:rsidR="00DC0084">
        <w:rPr>
          <w:rStyle w:val="Hyperlink"/>
          <w:color w:val="auto"/>
          <w:u w:val="none"/>
        </w:rPr>
        <w:t xml:space="preserve">tcourtis@mccarthy.ca; </w:t>
      </w:r>
      <w:r w:rsidRPr="00397DDB" w:rsidR="00860961">
        <w:rPr>
          <w:rStyle w:val="Hyperlink"/>
          <w:color w:val="auto"/>
          <w:u w:val="none"/>
        </w:rPr>
        <w:t>dtempler@mccarthy.ca;</w:t>
      </w:r>
      <w:r w:rsidRPr="00397DDB" w:rsidR="00D72933">
        <w:rPr>
          <w:rStyle w:val="Hyperlink"/>
          <w:color w:val="auto"/>
          <w:u w:val="none"/>
        </w:rPr>
        <w:t xml:space="preserve"> </w:t>
      </w:r>
      <w:r w:rsidRPr="00397DDB" w:rsidR="00911D36">
        <w:t xml:space="preserve">mireille.fontaine@lrmm.com; </w:t>
      </w:r>
      <w:r w:rsidRPr="00397DDB">
        <w:t>sbomhof@torys.com</w:t>
      </w:r>
      <w:r w:rsidRPr="00397DDB">
        <w:rPr>
          <w:rStyle w:val="Hyperlink"/>
          <w:color w:val="auto"/>
          <w:u w:val="none"/>
        </w:rPr>
        <w:t xml:space="preserve">; </w:t>
      </w:r>
      <w:r w:rsidRPr="00397DDB">
        <w:t xml:space="preserve">aslavens@torys.com; </w:t>
      </w:r>
      <w:r w:rsidRPr="00397DDB" w:rsidR="00835DB7">
        <w:t xml:space="preserve">aangle@torys.com; </w:t>
      </w:r>
      <w:r w:rsidRPr="00397DDB">
        <w:t>mica.arlette@pwc.com</w:t>
      </w:r>
      <w:r w:rsidRPr="00397DDB">
        <w:rPr>
          <w:rStyle w:val="Hyperlink"/>
          <w:color w:val="auto"/>
          <w:u w:val="none"/>
        </w:rPr>
        <w:t>;</w:t>
      </w:r>
      <w:r w:rsidRPr="00397DDB" w:rsidR="00221CAF">
        <w:rPr>
          <w:rStyle w:val="Hyperlink"/>
          <w:color w:val="auto"/>
          <w:u w:val="none"/>
        </w:rPr>
        <w:t xml:space="preserve"> tyler.ray@pwc.com; </w:t>
      </w:r>
      <w:r w:rsidRPr="00397DDB">
        <w:t>eizengam@bennettjones.com; zweigs@bennettjones.com;</w:t>
      </w:r>
      <w:r w:rsidRPr="00397DDB" w:rsidR="00387D2C">
        <w:t xml:space="preserve"> </w:t>
      </w:r>
      <w:r w:rsidRPr="00397DDB" w:rsidR="00D65B42">
        <w:t xml:space="preserve">mightonj@bennettjones.com; gillp@bennettjones.com; </w:t>
      </w:r>
      <w:r w:rsidRPr="00397DDB" w:rsidR="00BA2275">
        <w:t xml:space="preserve">andre.michael@siskinds.com; </w:t>
      </w:r>
      <w:r w:rsidRPr="00397DDB" w:rsidR="0013699F">
        <w:t xml:space="preserve">jim.virtue@siskinds.com; </w:t>
      </w:r>
      <w:r w:rsidRPr="00397DDB" w:rsidR="00B54DC4">
        <w:t xml:space="preserve">jsleon1591@gmail.com; mike@peerlesslaw.com; </w:t>
      </w:r>
      <w:r w:rsidRPr="00397DDB" w:rsidR="0096396D">
        <w:rPr>
          <w:bCs/>
        </w:rPr>
        <w:t xml:space="preserve">peter.lawless@gov.bc.ca; </w:t>
      </w:r>
      <w:r w:rsidRPr="00397DDB" w:rsidR="00387D2C">
        <w:t>ngoldstein@ksvadvisory.com; bkofman@ksvadvisory.com;</w:t>
      </w:r>
      <w:r w:rsidRPr="00397DDB">
        <w:t xml:space="preserve"> </w:t>
      </w:r>
      <w:r w:rsidRPr="00397DDB" w:rsidR="00C37FB1">
        <w:t xml:space="preserve">jwong@ksvadvisory.com; </w:t>
      </w:r>
      <w:r w:rsidRPr="00397DDB" w:rsidR="00C41C6C">
        <w:t>jacqueline.wall@ontario.ca; afishman@ffmp.ca; mmeland@ffmp.ca;</w:t>
      </w:r>
      <w:r w:rsidRPr="00397DDB" w:rsidR="00924508">
        <w:t xml:space="preserve"> msiminovitch@ffmp.ca; jdolman@ffmp.ca; nbrochu@ffmp.ca;</w:t>
      </w:r>
      <w:r w:rsidRPr="00397DDB" w:rsidR="00094FD9">
        <w:t xml:space="preserve"> tsilverstein@ffmp.ca; </w:t>
      </w:r>
      <w:r w:rsidRPr="00397DDB" w:rsidR="00C41C6C">
        <w:t>harvey@chaitons.com;</w:t>
      </w:r>
      <w:r w:rsidRPr="00397DDB" w:rsidR="0023621E">
        <w:t xml:space="preserve"> george@chaitons.com</w:t>
      </w:r>
      <w:r w:rsidRPr="00397DDB" w:rsidR="002B450D">
        <w:t>;</w:t>
      </w:r>
      <w:r w:rsidRPr="00397DDB" w:rsidR="003D78A2">
        <w:t xml:space="preserve"> philippe@tjl.quebec; bruce@tjl.quebec; andre@tjl.quebec; </w:t>
      </w:r>
      <w:r w:rsidRPr="00397DDB" w:rsidR="00A3340F">
        <w:t xml:space="preserve">gkugler@kklex.com; rkugler@kklex.com; </w:t>
      </w:r>
      <w:r w:rsidRPr="00397DDB" w:rsidR="00860961">
        <w:t>dlennox@callkleinlawyers.com;</w:t>
      </w:r>
      <w:r w:rsidRPr="00397DDB" w:rsidR="00FC2BB9">
        <w:t xml:space="preserve"> dklein@callkleinlawyers.com; </w:t>
      </w:r>
      <w:r w:rsidRPr="00397DDB" w:rsidR="00D91EAE">
        <w:t xml:space="preserve">nhartigan@callkleinlawyers.com; </w:t>
      </w:r>
      <w:r w:rsidRPr="00397DDB" w:rsidR="002B450D">
        <w:t>jensenc@jssbarristers.ca; shawas@jssbarristers.ca; petriuks@jssbarristers.ca;</w:t>
      </w:r>
      <w:r w:rsidRPr="00397DDB" w:rsidR="0040095E">
        <w:t xml:space="preserve"> ken.rosenberg@paliareroland.com; lily.harmer@paliareroland.com; max.starnino@paliareroland.com; </w:t>
      </w:r>
      <w:r w:rsidRPr="00397DDB" w:rsidR="009E2D22">
        <w:t xml:space="preserve">beatrice.loschiavo@paliareroland.com; natalia.botelho@paliareroland.com; michelle.jackson@paliareroland.com; </w:t>
      </w:r>
      <w:r w:rsidRPr="00397DDB" w:rsidR="00B02DB5">
        <w:t xml:space="preserve">laura@cglaw.ca; doreen.mueller@gov.ab.ca; </w:t>
      </w:r>
      <w:r w:rsidRPr="00397DDB" w:rsidR="00306D4E">
        <w:t>dwedlake</w:t>
      </w:r>
      <w:r w:rsidRPr="00397DDB" w:rsidR="00997C93">
        <w:t xml:space="preserve">@stewartmckelvey.com; </w:t>
      </w:r>
      <w:r w:rsidRPr="00397DDB" w:rsidR="00306D4E">
        <w:t xml:space="preserve">egregory@stewartmckelvey.com; </w:t>
      </w:r>
      <w:r w:rsidRPr="00397DDB" w:rsidR="00DD2089">
        <w:t>skukulowicz@cassels.com; jbellissimo@cassels.com; msassi@cassels.com;</w:t>
      </w:r>
      <w:r w:rsidRPr="00397DDB" w:rsidR="004500BB">
        <w:t xml:space="preserve"> </w:t>
      </w:r>
      <w:r w:rsidRPr="00397DDB" w:rsidR="00835DB7">
        <w:t xml:space="preserve">ahoy@cassels.com; </w:t>
      </w:r>
      <w:r w:rsidRPr="00397DDB" w:rsidR="00410926">
        <w:t xml:space="preserve">ehyderman@cassels.com; </w:t>
      </w:r>
      <w:r w:rsidRPr="00397DDB" w:rsidR="004500BB">
        <w:t>murray.a.mcdonald@</w:t>
      </w:r>
      <w:r w:rsidRPr="00397DDB" w:rsidR="0006751C">
        <w:t>parthenon</w:t>
      </w:r>
      <w:r w:rsidRPr="00397DDB" w:rsidR="004500BB">
        <w:t>.ey.com; brent.r.beekenkamp@</w:t>
      </w:r>
      <w:r w:rsidRPr="00397DDB" w:rsidR="0006751C">
        <w:t>parthenon</w:t>
      </w:r>
      <w:r w:rsidRPr="00397DDB" w:rsidR="004500BB">
        <w:t>.ey.com; edmund.yau@</w:t>
      </w:r>
      <w:r w:rsidRPr="00397DDB" w:rsidR="0006751C">
        <w:t>parthenon</w:t>
      </w:r>
      <w:r w:rsidRPr="00397DDB" w:rsidR="004500BB">
        <w:t xml:space="preserve">.ey.com; </w:t>
      </w:r>
      <w:r w:rsidRPr="00397DDB" w:rsidR="00860961">
        <w:t>matt.kaplan@</w:t>
      </w:r>
      <w:r w:rsidRPr="00397DDB" w:rsidR="0006751C">
        <w:t>parthenon</w:t>
      </w:r>
      <w:r w:rsidRPr="00397DDB" w:rsidR="00860961">
        <w:t>.ey.com;</w:t>
      </w:r>
      <w:r w:rsidRPr="00397DDB" w:rsidR="00EE61C2">
        <w:t xml:space="preserve"> </w:t>
      </w:r>
      <w:r w:rsidRPr="00397DDB" w:rsidR="00663BD5">
        <w:t>clifton.prophet@gowlingwlg.com; steven.sofer@gowlingwlg.com;</w:t>
      </w:r>
      <w:r w:rsidRPr="00397DDB" w:rsidR="005468E9">
        <w:t xml:space="preserve"> nicholas.kluge@gowlingwlg.com; </w:t>
      </w:r>
      <w:r w:rsidRPr="00397DDB" w:rsidR="00F64AD6">
        <w:t xml:space="preserve">gbest@wrmmlaw.com; </w:t>
      </w:r>
      <w:r w:rsidRPr="00397DDB" w:rsidR="00274ED8">
        <w:t xml:space="preserve">kbm@hfmlegal.com; </w:t>
      </w:r>
      <w:r w:rsidRPr="00397DDB" w:rsidR="006F509B">
        <w:t xml:space="preserve">dean.jones@westrock.com; </w:t>
      </w:r>
      <w:r w:rsidRPr="00397DDB" w:rsidR="00A24B80">
        <w:t>michael.spagnolo</w:t>
      </w:r>
      <w:r w:rsidRPr="00397DDB" w:rsidR="00A35A66">
        <w:t xml:space="preserve">@fsrao.ca; </w:t>
      </w:r>
      <w:r w:rsidRPr="00397DDB" w:rsidR="00860961">
        <w:t>ari@kaplanlaw.ca; wael.rostom@mcmillan.ca;</w:t>
      </w:r>
      <w:r w:rsidRPr="00397DDB" w:rsidR="002F5094">
        <w:t xml:space="preserve"> </w:t>
      </w:r>
      <w:r w:rsidRPr="00397DDB" w:rsidR="006A3695">
        <w:t>emile.</w:t>
      </w:r>
      <w:r w:rsidRPr="00397DDB" w:rsidR="00D04DAC">
        <w:t>catimel</w:t>
      </w:r>
      <w:r w:rsidRPr="00397DDB" w:rsidR="00D23698">
        <w:t>-</w:t>
      </w:r>
      <w:r w:rsidRPr="00397DDB" w:rsidR="00D04DAC">
        <w:t xml:space="preserve">marchand@mcmillan.ca; </w:t>
      </w:r>
      <w:r w:rsidRPr="00397DDB" w:rsidR="00805FA1">
        <w:t xml:space="preserve">emerchant@merchantlaw.com; </w:t>
      </w:r>
      <w:r w:rsidRPr="00397DDB" w:rsidR="003E7F6B">
        <w:t>jtim.ccaa@merchantlaw.com</w:t>
      </w:r>
      <w:r w:rsidRPr="00397DDB" w:rsidR="005A62E6">
        <w:t xml:space="preserve">; </w:t>
      </w:r>
      <w:r w:rsidRPr="00397DDB" w:rsidR="00464ABB">
        <w:t>aecheverria</w:t>
      </w:r>
      <w:r w:rsidRPr="00397DDB" w:rsidR="00860961">
        <w:t xml:space="preserve">@labstat.com; </w:t>
      </w:r>
      <w:r w:rsidRPr="00397DDB" w:rsidR="005551FA">
        <w:t xml:space="preserve">pflaherty@cfscounsel.com; bmcleese@cfscounsel.com; </w:t>
      </w:r>
      <w:r w:rsidRPr="00397DDB" w:rsidR="00A51EAB">
        <w:t xml:space="preserve">cwortsman@cfscounsel.com; </w:t>
      </w:r>
      <w:r w:rsidRPr="00397DDB" w:rsidR="005551FA">
        <w:t>briang@stockwoods.ca; justins@stockwoods.ca;</w:t>
      </w:r>
      <w:r w:rsidRPr="00397DDB" w:rsidR="00F40D96">
        <w:t xml:space="preserve"> sweisz@</w:t>
      </w:r>
      <w:r w:rsidRPr="00397DDB" w:rsidR="00213B90">
        <w:t>cozen</w:t>
      </w:r>
      <w:r w:rsidRPr="00397DDB" w:rsidR="00F40D96">
        <w:t>.c</w:t>
      </w:r>
      <w:r w:rsidRPr="00397DDB" w:rsidR="00213B90">
        <w:t>om</w:t>
      </w:r>
      <w:r w:rsidRPr="00397DDB" w:rsidR="00F40D96">
        <w:t>;</w:t>
      </w:r>
      <w:r w:rsidRPr="00397DDB" w:rsidR="005B7915">
        <w:t xml:space="preserve"> </w:t>
      </w:r>
      <w:r w:rsidRPr="00397DDB" w:rsidR="009131F9">
        <w:t>hammond</w:t>
      </w:r>
      <w:r w:rsidRPr="00397DDB" w:rsidR="005B7915">
        <w:t>@inchlaw.com;</w:t>
      </w:r>
      <w:r w:rsidRPr="00397DDB" w:rsidR="007B749B">
        <w:t xml:space="preserve"> w</w:t>
      </w:r>
      <w:r w:rsidRPr="00397DDB" w:rsidR="00312504">
        <w:t>illiam.sasso</w:t>
      </w:r>
      <w:r w:rsidRPr="00397DDB" w:rsidR="007B749B">
        <w:t>@</w:t>
      </w:r>
      <w:r w:rsidRPr="00397DDB" w:rsidR="00312504">
        <w:t>swslitigation</w:t>
      </w:r>
      <w:r w:rsidRPr="00397DDB" w:rsidR="007B749B">
        <w:t xml:space="preserve">.com; </w:t>
      </w:r>
      <w:r w:rsidRPr="00397DDB" w:rsidR="00312504">
        <w:t>david.</w:t>
      </w:r>
      <w:r w:rsidRPr="00397DDB" w:rsidR="007B749B">
        <w:t>robins@</w:t>
      </w:r>
      <w:r w:rsidRPr="00397DDB" w:rsidR="00312504">
        <w:t>swslitigation</w:t>
      </w:r>
      <w:r w:rsidRPr="00397DDB" w:rsidR="007B749B">
        <w:t xml:space="preserve">.com; </w:t>
      </w:r>
      <w:r w:rsidRPr="00397DDB" w:rsidR="0018172E">
        <w:t xml:space="preserve">edward.park@justice.gc.ca; kevin.dias@justice.gc.ca; </w:t>
      </w:r>
      <w:r w:rsidRPr="00397DDB" w:rsidR="0047133C">
        <w:t xml:space="preserve">AGC-PGC.Toronto-Tax-Fiscal@justice.gc.ca; </w:t>
      </w:r>
      <w:r w:rsidRPr="00397DDB" w:rsidR="0099521B">
        <w:t xml:space="preserve">jlisus@lolg.ca; mgottlieb@lolg.ca; ncampion@lolg.ca; awinton@lolg.ca; </w:t>
      </w:r>
      <w:r w:rsidRPr="00397DDB" w:rsidR="0094008C">
        <w:t>vdare@foglers.com; r</w:t>
      </w:r>
      <w:r w:rsidRPr="00397DDB" w:rsidR="00B5219B">
        <w:t>ob.</w:t>
      </w:r>
      <w:r w:rsidRPr="00397DDB" w:rsidR="0094008C">
        <w:t>cunning</w:t>
      </w:r>
      <w:r w:rsidRPr="00397DDB" w:rsidR="00B5219B">
        <w:t>ham</w:t>
      </w:r>
      <w:r w:rsidRPr="00397DDB" w:rsidR="0094008C">
        <w:t>@cancer.ca;</w:t>
      </w:r>
      <w:r w:rsidRPr="00397DDB" w:rsidR="00622835">
        <w:t xml:space="preserve"> </w:t>
      </w:r>
      <w:r w:rsidRPr="00397DDB" w:rsidR="00DB070E">
        <w:t xml:space="preserve">dmackenzie@blaney.com; </w:t>
      </w:r>
      <w:r w:rsidRPr="00397DDB" w:rsidR="00622835">
        <w:t xml:space="preserve">dullmann@blaney.com; ateodorescu@blaney.com; </w:t>
      </w:r>
      <w:r w:rsidRPr="00397DDB" w:rsidR="00E612A4">
        <w:t>marc-andre.maltais1</w:t>
      </w:r>
      <w:r w:rsidRPr="00397DDB" w:rsidR="00426CE8">
        <w:t xml:space="preserve">@retraitequebec.gouv.qc.ca; </w:t>
      </w:r>
      <w:r w:rsidRPr="00397DDB" w:rsidR="007A320A">
        <w:t>mesmatyar</w:t>
      </w:r>
      <w:r w:rsidRPr="00397DDB" w:rsidR="00D04C88">
        <w:t xml:space="preserve">@leckerslaw.com; </w:t>
      </w:r>
      <w:r w:rsidRPr="00397DDB" w:rsidR="00E74023">
        <w:t>brett.harrison@mcmillan.ca;</w:t>
      </w:r>
      <w:r w:rsidRPr="00397DDB" w:rsidR="007A38C8">
        <w:t xml:space="preserve"> </w:t>
      </w:r>
      <w:r w:rsidRPr="00397DDB" w:rsidR="00934153">
        <w:t xml:space="preserve">tushara.weerasooriya@mcmillan.ca; </w:t>
      </w:r>
      <w:r w:rsidRPr="00397DDB" w:rsidR="00632993">
        <w:t xml:space="preserve">guneev.bhinder@mcmillan.ca; </w:t>
      </w:r>
      <w:r w:rsidRPr="00397DDB" w:rsidR="007A38C8">
        <w:t>victor.paolone@justice.gc.ca;</w:t>
      </w:r>
      <w:r w:rsidRPr="00397DDB" w:rsidR="00F961C9">
        <w:t xml:space="preserve"> </w:t>
      </w:r>
      <w:r w:rsidRPr="00397DDB" w:rsidR="001736B3">
        <w:t>stephen.brown</w:t>
      </w:r>
      <w:r w:rsidRPr="00397DDB" w:rsidR="00D23698">
        <w:t>-</w:t>
      </w:r>
      <w:r w:rsidRPr="00397DDB" w:rsidR="001736B3">
        <w:t xml:space="preserve">okruhlik@mcmillan.ca; </w:t>
      </w:r>
      <w:r w:rsidRPr="00397DDB" w:rsidR="00E02CED">
        <w:t xml:space="preserve">amacfarlane@blg.com; jmaclellan@blg.com; </w:t>
      </w:r>
      <w:r w:rsidRPr="00397DDB" w:rsidR="00DF3B0A">
        <w:rPr>
          <w:bCs/>
        </w:rPr>
        <w:t xml:space="preserve">bbrooksbank@blg.com; </w:t>
      </w:r>
      <w:r w:rsidRPr="00397DDB" w:rsidR="000C4001">
        <w:rPr>
          <w:bCs/>
        </w:rPr>
        <w:t xml:space="preserve">nhollard@blg.com; </w:t>
      </w:r>
      <w:r w:rsidRPr="00397DDB" w:rsidR="00894468">
        <w:t xml:space="preserve">jrochon@rochongenova.com; raywagner@wagners.co; </w:t>
      </w:r>
      <w:r w:rsidRPr="00397DDB" w:rsidR="009E2D22">
        <w:t xml:space="preserve">kboyle@wagners.co; </w:t>
      </w:r>
      <w:r w:rsidRPr="00397DDB" w:rsidR="004803DD">
        <w:t xml:space="preserve">mcarter@wagners.co; lharper@wagners.co; </w:t>
      </w:r>
      <w:r w:rsidRPr="00397DDB" w:rsidR="00D358B5">
        <w:t xml:space="preserve">alain.casavant@revenuquebec.ca; </w:t>
      </w:r>
      <w:r w:rsidRPr="00397DDB" w:rsidR="004263A6">
        <w:rPr>
          <w:bCs/>
        </w:rPr>
        <w:t>genevieve</w:t>
      </w:r>
      <w:r w:rsidRPr="00397DDB" w:rsidR="006A3695">
        <w:rPr>
          <w:bCs/>
        </w:rPr>
        <w:t>.</w:t>
      </w:r>
      <w:r w:rsidRPr="00397DDB" w:rsidR="004263A6">
        <w:rPr>
          <w:bCs/>
        </w:rPr>
        <w:t>chabot</w:t>
      </w:r>
      <w:r w:rsidRPr="00397DDB" w:rsidR="00EA6B6C">
        <w:rPr>
          <w:bCs/>
        </w:rPr>
        <w:t xml:space="preserve">@dgag.ca; </w:t>
      </w:r>
      <w:r w:rsidRPr="00397DDB" w:rsidR="00E77ED6">
        <w:rPr>
          <w:bCs/>
        </w:rPr>
        <w:t>ksuzuki@smartbiggar.ca; fguay@smartbiggar.ca; cbolduc@smartbiggar.ca; mlpowers@smartbiggar.ca;</w:t>
      </w:r>
      <w:r w:rsidRPr="00397DDB" w:rsidR="00434ADF">
        <w:rPr>
          <w:bCs/>
        </w:rPr>
        <w:t xml:space="preserve"> meburt@smartbiggar.ca;</w:t>
      </w:r>
      <w:r w:rsidRPr="00397DDB" w:rsidR="00E77ED6">
        <w:rPr>
          <w:bCs/>
        </w:rPr>
        <w:t xml:space="preserve"> </w:t>
      </w:r>
      <w:r w:rsidRPr="00397DDB" w:rsidR="00A3340F">
        <w:rPr>
          <w:bCs/>
        </w:rPr>
        <w:t>s.macneall</w:t>
      </w:r>
      <w:r w:rsidRPr="00397DDB" w:rsidR="00CF5E18">
        <w:rPr>
          <w:bCs/>
        </w:rPr>
        <w:t xml:space="preserve">@kornblumlaw.ca; </w:t>
      </w:r>
      <w:r w:rsidRPr="00397DDB" w:rsidR="00475F7A">
        <w:rPr>
          <w:bCs/>
        </w:rPr>
        <w:t>jbunting@t</w:t>
      </w:r>
      <w:r w:rsidRPr="00397DDB" w:rsidR="002F03F4">
        <w:rPr>
          <w:bCs/>
        </w:rPr>
        <w:t>y</w:t>
      </w:r>
      <w:r w:rsidRPr="00397DDB" w:rsidR="00475F7A">
        <w:rPr>
          <w:bCs/>
        </w:rPr>
        <w:t xml:space="preserve">rllp.com; </w:t>
      </w:r>
      <w:r w:rsidRPr="00397DDB" w:rsidR="00257DA7">
        <w:rPr>
          <w:bCs/>
        </w:rPr>
        <w:t>scotton</w:t>
      </w:r>
      <w:r w:rsidRPr="00397DDB" w:rsidR="00475F7A">
        <w:rPr>
          <w:bCs/>
        </w:rPr>
        <w:t>@tyrllp.com; emily.sternberg@hear</w:t>
      </w:r>
      <w:r w:rsidRPr="00397DDB" w:rsidR="002F03F4">
        <w:rPr>
          <w:bCs/>
        </w:rPr>
        <w:t>t</w:t>
      </w:r>
      <w:r w:rsidRPr="00397DDB" w:rsidR="00475F7A">
        <w:rPr>
          <w:bCs/>
        </w:rPr>
        <w:t xml:space="preserve">andstroke.ca; </w:t>
      </w:r>
      <w:r w:rsidRPr="00397DDB" w:rsidR="00F373D6">
        <w:rPr>
          <w:bCs/>
        </w:rPr>
        <w:t xml:space="preserve">jdoris@tyrllp.com; </w:t>
      </w:r>
      <w:r w:rsidRPr="00397DDB" w:rsidR="00AC692C">
        <w:rPr>
          <w:bCs/>
        </w:rPr>
        <w:t xml:space="preserve">grubenstein@goodmans.ca; pruby@goodmans.ca; </w:t>
      </w:r>
      <w:r w:rsidRPr="00397DDB" w:rsidR="00673A79">
        <w:rPr>
          <w:bCs/>
        </w:rPr>
        <w:t xml:space="preserve">jpasquariello@goodmans.ca; </w:t>
      </w:r>
      <w:r w:rsidRPr="00397DDB" w:rsidR="00425E6B">
        <w:rPr>
          <w:bCs/>
        </w:rPr>
        <w:t>rchadwick@goodmans</w:t>
      </w:r>
      <w:r w:rsidRPr="00397DDB" w:rsidR="00AA56BA">
        <w:rPr>
          <w:bCs/>
        </w:rPr>
        <w:t>.ca</w:t>
      </w:r>
      <w:r w:rsidRPr="00397DDB" w:rsidR="00425E6B">
        <w:rPr>
          <w:bCs/>
        </w:rPr>
        <w:t>;</w:t>
      </w:r>
      <w:r w:rsidRPr="00397DDB" w:rsidR="00AA56BA">
        <w:rPr>
          <w:bCs/>
        </w:rPr>
        <w:t xml:space="preserve"> cdescours@goodmans.ca; bwiffen@goodmans.ca; jsloan@goodmans.ca; </w:t>
      </w:r>
      <w:r w:rsidRPr="00397DDB" w:rsidR="00F43749">
        <w:rPr>
          <w:bCs/>
        </w:rPr>
        <w:t xml:space="preserve">sstothart@goodmans.ca; jrosenthal@goodmans.ca; pkolla@goodmans.ca; </w:t>
      </w:r>
      <w:r w:rsidRPr="00397DDB" w:rsidR="003F25C1">
        <w:rPr>
          <w:bCs/>
        </w:rPr>
        <w:t xml:space="preserve">nkrnjevic@rsslex.com; </w:t>
      </w:r>
      <w:r w:rsidRPr="00397DDB" w:rsidR="00A41F4D">
        <w:rPr>
          <w:bCs/>
        </w:rPr>
        <w:t>cfrancis@foglers.com;</w:t>
      </w:r>
      <w:r w:rsidRPr="00397DDB" w:rsidR="00ED1D6C">
        <w:rPr>
          <w:bCs/>
        </w:rPr>
        <w:t xml:space="preserve"> </w:t>
      </w:r>
      <w:r w:rsidRPr="00397DDB" w:rsidR="003D77D6">
        <w:rPr>
          <w:bCs/>
        </w:rPr>
        <w:t>osbccaa-laccbsf@ised-isde.gc.ca</w:t>
      </w:r>
      <w:r w:rsidRPr="00397DDB" w:rsidR="003F25C1">
        <w:rPr>
          <w:bCs/>
        </w:rPr>
        <w:t>; john.bringardner@acuris.com; ccallard@smoke-free.ca;</w:t>
      </w:r>
    </w:p>
    <w:p w:rsidR="003D77D6" w:rsidRPr="00397DDB" w:rsidP="007A38C8" w14:paraId="6A694BF5" w14:textId="77777777">
      <w:pPr>
        <w:jc w:val="left"/>
        <w:rPr>
          <w:bCs/>
        </w:rPr>
      </w:pPr>
    </w:p>
    <w:bookmarkEnd w:id="4"/>
    <w:p w:rsidR="00D358B5" w:rsidRPr="00A41F4D" w:rsidP="007A38C8" w14:paraId="20853E32" w14:textId="58704069">
      <w:pPr>
        <w:jc w:val="left"/>
        <w:rPr>
          <w:lang w:val="en-US"/>
        </w:rPr>
      </w:pPr>
    </w:p>
    <w:sectPr w:rsidSect="00705BEC">
      <w:pgSz w:w="12240" w:h="15840" w:code="1"/>
      <w:pgMar w:top="1440" w:right="1440" w:bottom="1440" w:left="1440" w:header="720" w:footer="720" w:gutter="0"/>
      <w:pgNumType w:fmt="numberInDash" w:start="1"/>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 wne:kcmPrimary="0639">
      <wne:acd wne:acdName="acd8"/>
    </wne:keymap>
  </wne:keymaps>
  <wne:toolbars>
    <wne:acdManifest>
      <wne:acdEntry wne:acdName="acd0"/>
      <wne:acdEntry wne:acdName="acd1"/>
      <wne:acdEntry wne:acdName="acd2"/>
      <wne:acdEntry wne:acdName="acd3"/>
      <wne:acdEntry wne:acdName="acd4"/>
      <wne:acdEntry wne:acdName="acd5"/>
      <wne:acdEntry wne:acdName="acd6"/>
      <wne:acdEntry wne:acdName="acd7"/>
      <wne:acdEntry wne:acdName="acd8"/>
    </wne:acdManifest>
  </wne:toolbars>
  <wne:acds>
    <wne:acd wne:argValue="AgB0AGcAZgAgAEEAcgB0AGkAYwBsAGUAIAAxAA==&#10;" wne:acdName="acd0" wne:fciIndexBasedOn="0065"/>
    <wne:acd wne:argValue="AgB0AGcAZgAgAEEAcgB0AGkAYwBsAGUAIAAyAA==&#10;" wne:acdName="acd1" wne:fciIndexBasedOn="0065"/>
    <wne:acd wne:argValue="AgB0AGcAZgAgAEEAcgB0AGkAYwBsAGUAIAAzAA==&#10;" wne:acdName="acd2" wne:fciIndexBasedOn="0065"/>
    <wne:acd wne:argValue="AgB0AGcAZgAgAEEAcgB0AGkAYwBsAGUAIAA0AA==&#10;" wne:acdName="acd3" wne:fciIndexBasedOn="0065"/>
    <wne:acd wne:argValue="AgB0AGcAZgAgAEEAcgB0AGkAYwBsAGUAIAA1AA==&#10;" wne:acdName="acd4" wne:fciIndexBasedOn="0065"/>
    <wne:acd wne:argValue="AgB0AGcAZgAgAEEAcgB0AGkAYwBsAGUAIAA2AA==&#10;" wne:acdName="acd5" wne:fciIndexBasedOn="0065"/>
    <wne:acd wne:argValue="AgB0AGcAZgAgAEEAcgB0AGkAYwBsAGUAIAA3AA==&#10;" wne:acdName="acd6" wne:fciIndexBasedOn="0065"/>
    <wne:acd wne:argValue="AgB0AGcAZgAgAEEAcgB0AGkAYwBsAGUAIAA4AA==&#10;" wne:acdName="acd7" wne:fciIndexBasedOn="0065"/>
    <wne:acd wne:argValue="AgB0AGcAZgAgAEEAcgB0AGkAYwBsAGUAIAA5AA==&#10;" wne:acdName="acd8" wne:fciIndexBasedOn="0065"/>
  </wne:acds>
</wne:tcg>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imes New Roman Bold">
    <w:panose1 w:val="00000000000000000000"/>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75E52" w:rsidRPr="00397DDB" w:rsidP="00B67F90" w14:paraId="31BC5EC7" w14:textId="598B923C">
    <w:pPr>
      <w:pStyle w:val="Footer"/>
    </w:pPr>
    <w:r>
      <w:fldChar w:fldCharType="begin"/>
    </w:r>
    <w:r>
      <w:instrText xml:space="preserve"> DOCPROPERTY DOCXDOCID DMS=NetDocuments Format=&lt;&lt;ID&gt;&gt;.&lt;&lt;VER&gt;&gt; PRESERVELOCATION \* MERGEFORMAT </w:instrText>
    </w:r>
    <w:r>
      <w:fldChar w:fldCharType="separate"/>
    </w:r>
    <w:r w:rsidRPr="00397DDB">
      <w:t>1386-3129-1398.49</w:t>
    </w:r>
    <w:r w:rsidRPr="00397DDB">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75E52" w:rsidRPr="00397DDB" w:rsidP="00B67F90" w14:paraId="1068E863" w14:textId="54C38105">
    <w:pPr>
      <w:pStyle w:val="Footer"/>
      <w:rPr>
        <w:sz w:val="16"/>
        <w:szCs w:val="16"/>
      </w:rPr>
    </w:pPr>
    <w:r w:rsidRPr="00397DDB">
      <w:rPr>
        <w:sz w:val="16"/>
        <w:szCs w:val="16"/>
      </w:rPr>
      <w:fldChar w:fldCharType="begin"/>
    </w:r>
    <w:r w:rsidRPr="00397DDB">
      <w:rPr>
        <w:sz w:val="16"/>
        <w:szCs w:val="16"/>
      </w:rPr>
      <w:instrText xml:space="preserve"> DOCPROPERTY DOCXDOCID DMS=NetDocuments Format=&lt;&lt;ID&gt;&gt;.&lt;&lt;VER&gt;&gt; PRESERVELOCATION \* MERGEFORMAT </w:instrText>
    </w:r>
    <w:r w:rsidRPr="00397DDB">
      <w:rPr>
        <w:sz w:val="16"/>
        <w:szCs w:val="16"/>
      </w:rPr>
      <w:fldChar w:fldCharType="separate"/>
    </w:r>
    <w:r w:rsidRPr="00397DDB" w:rsidR="00397DDB">
      <w:rPr>
        <w:sz w:val="16"/>
        <w:szCs w:val="16"/>
      </w:rPr>
      <w:t>1386-3129-1398.49</w:t>
    </w:r>
    <w:r w:rsidRPr="00397DDB">
      <w:rPr>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94468" w:rsidRPr="00397DDB" w:rsidP="00894468" w14:paraId="494E88CA" w14:textId="77777777">
    <w:pPr>
      <w:pStyle w:val="Footer"/>
      <w:spacing w:after="0"/>
      <w:rPr>
        <w:sz w:val="20"/>
        <w:szCs w:val="20"/>
      </w:rPr>
    </w:pPr>
  </w:p>
  <w:p w:rsidR="004C1D0C" w:rsidRPr="00397DDB" w:rsidP="004C1D0C" w14:paraId="46B66468" w14:textId="678A8CF5">
    <w:pPr>
      <w:pStyle w:val="Footer"/>
      <w:rPr>
        <w:sz w:val="20"/>
        <w:szCs w:val="20"/>
      </w:rPr>
    </w:pPr>
    <w:r w:rsidRPr="00397DDB">
      <w:rPr>
        <w:sz w:val="20"/>
        <w:szCs w:val="20"/>
      </w:rPr>
      <w:t>*  For any additions or questions, please contact Nancy Thompson at nancy.thompson@blakes.com</w:t>
    </w:r>
  </w:p>
  <w:p w:rsidR="00B67F90" w:rsidRPr="00397DDB" w:rsidP="004C1D0C" w14:paraId="71EC0083" w14:textId="7068C437">
    <w:pPr>
      <w:pStyle w:val="Footer"/>
      <w:rPr>
        <w:sz w:val="16"/>
        <w:szCs w:val="16"/>
      </w:rPr>
    </w:pPr>
    <w:r w:rsidRPr="00397DDB">
      <w:rPr>
        <w:sz w:val="16"/>
        <w:szCs w:val="16"/>
      </w:rPr>
      <w:fldChar w:fldCharType="begin"/>
    </w:r>
    <w:r w:rsidRPr="00397DDB">
      <w:rPr>
        <w:sz w:val="16"/>
        <w:szCs w:val="16"/>
      </w:rPr>
      <w:instrText xml:space="preserve"> DOCPROPERTY DOCXDOCID DMS=NetDocuments Format=&lt;&lt;ID&gt;&gt;.&lt;&lt;VER&gt;&gt; PRESERVELOCATION \* MERGEFORMAT </w:instrText>
    </w:r>
    <w:r w:rsidRPr="00397DDB">
      <w:rPr>
        <w:sz w:val="16"/>
        <w:szCs w:val="16"/>
      </w:rPr>
      <w:fldChar w:fldCharType="separate"/>
    </w:r>
    <w:r w:rsidRPr="00397DDB" w:rsidR="00397DDB">
      <w:rPr>
        <w:sz w:val="16"/>
        <w:szCs w:val="16"/>
      </w:rPr>
      <w:t>1386-3129-1398.49</w:t>
    </w:r>
    <w:r w:rsidRPr="00397DDB">
      <w:rPr>
        <w:sz w:val="16"/>
        <w:szCs w:val="16"/>
      </w:rP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8789F" w14:paraId="3F2C8ED3"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B5461" w:rsidRPr="00397DDB" w:rsidP="00BB631A" w14:paraId="7D3E7305" w14:textId="77777777">
    <w:pPr>
      <w:pStyle w:val="Header"/>
      <w:framePr w:wrap="around" w:vAnchor="text" w:hAnchor="margin" w:xAlign="center" w:y="1"/>
      <w:rPr>
        <w:rStyle w:val="PageNumber"/>
      </w:rPr>
    </w:pPr>
    <w:r w:rsidRPr="00397DDB">
      <w:rPr>
        <w:rStyle w:val="PageNumber"/>
      </w:rPr>
      <w:fldChar w:fldCharType="begin"/>
    </w:r>
    <w:r w:rsidRPr="00397DDB">
      <w:rPr>
        <w:rStyle w:val="PageNumber"/>
      </w:rPr>
      <w:instrText xml:space="preserve">PAGE  </w:instrText>
    </w:r>
    <w:r w:rsidRPr="00397DDB">
      <w:rPr>
        <w:rStyle w:val="PageNumber"/>
      </w:rPr>
      <w:fldChar w:fldCharType="separate"/>
    </w:r>
    <w:r w:rsidRPr="00397DDB">
      <w:rPr>
        <w:rStyle w:val="PageNumber"/>
      </w:rPr>
      <w:t>- 5 -</w:t>
    </w:r>
    <w:r w:rsidRPr="00397DDB">
      <w:rPr>
        <w:rStyle w:val="PageNumber"/>
      </w:rPr>
      <w:fldChar w:fldCharType="end"/>
    </w:r>
  </w:p>
  <w:p w:rsidR="006B5461" w:rsidRPr="00397DDB" w14:paraId="5FCF8C56"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8789F" w14:paraId="04397157"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03B8ED10"/>
    <w:lvl w:ilvl="0">
      <w:start w:val="1"/>
      <w:numFmt w:val="decimal"/>
      <w:lvlText w:val="%1."/>
      <w:lvlJc w:val="left"/>
      <w:pPr>
        <w:tabs>
          <w:tab w:val="num" w:pos="1800"/>
        </w:tabs>
        <w:ind w:left="1800" w:hanging="360"/>
      </w:pPr>
    </w:lvl>
  </w:abstractNum>
  <w:abstractNum w:abstractNumId="1">
    <w:nsid w:val="FFFFFF7D"/>
    <w:multiLevelType w:val="singleLevel"/>
    <w:tmpl w:val="176017EA"/>
    <w:lvl w:ilvl="0">
      <w:start w:val="1"/>
      <w:numFmt w:val="decimal"/>
      <w:lvlText w:val="%1."/>
      <w:lvlJc w:val="left"/>
      <w:pPr>
        <w:tabs>
          <w:tab w:val="num" w:pos="1440"/>
        </w:tabs>
        <w:ind w:left="1440" w:hanging="360"/>
      </w:pPr>
    </w:lvl>
  </w:abstractNum>
  <w:abstractNum w:abstractNumId="2">
    <w:nsid w:val="FFFFFF7E"/>
    <w:multiLevelType w:val="singleLevel"/>
    <w:tmpl w:val="C3227FC6"/>
    <w:lvl w:ilvl="0">
      <w:start w:val="1"/>
      <w:numFmt w:val="decimal"/>
      <w:lvlText w:val="%1."/>
      <w:lvlJc w:val="left"/>
      <w:pPr>
        <w:tabs>
          <w:tab w:val="num" w:pos="1080"/>
        </w:tabs>
        <w:ind w:left="1080" w:hanging="360"/>
      </w:pPr>
    </w:lvl>
  </w:abstractNum>
  <w:abstractNum w:abstractNumId="3">
    <w:nsid w:val="FFFFFF7F"/>
    <w:multiLevelType w:val="singleLevel"/>
    <w:tmpl w:val="CE7272D0"/>
    <w:lvl w:ilvl="0">
      <w:start w:val="1"/>
      <w:numFmt w:val="decimal"/>
      <w:lvlText w:val="%1."/>
      <w:lvlJc w:val="left"/>
      <w:pPr>
        <w:tabs>
          <w:tab w:val="num" w:pos="720"/>
        </w:tabs>
        <w:ind w:left="720" w:hanging="360"/>
      </w:pPr>
    </w:lvl>
  </w:abstractNum>
  <w:abstractNum w:abstractNumId="4">
    <w:nsid w:val="FFFFFF80"/>
    <w:multiLevelType w:val="singleLevel"/>
    <w:tmpl w:val="0310E7A2"/>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79DC78CA"/>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27C86FBA"/>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CCD0ECAC"/>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0374D78E"/>
    <w:lvl w:ilvl="0">
      <w:start w:val="1"/>
      <w:numFmt w:val="decimal"/>
      <w:lvlText w:val="%1."/>
      <w:lvlJc w:val="left"/>
      <w:pPr>
        <w:tabs>
          <w:tab w:val="num" w:pos="360"/>
        </w:tabs>
        <w:ind w:left="360" w:hanging="360"/>
      </w:pPr>
    </w:lvl>
  </w:abstractNum>
  <w:abstractNum w:abstractNumId="9">
    <w:nsid w:val="FFFFFF89"/>
    <w:multiLevelType w:val="singleLevel"/>
    <w:tmpl w:val="44467EC6"/>
    <w:lvl w:ilvl="0">
      <w:start w:val="1"/>
      <w:numFmt w:val="bullet"/>
      <w:lvlText w:val=""/>
      <w:lvlJc w:val="left"/>
      <w:pPr>
        <w:tabs>
          <w:tab w:val="num" w:pos="360"/>
        </w:tabs>
        <w:ind w:left="360" w:hanging="360"/>
      </w:pPr>
      <w:rPr>
        <w:rFonts w:ascii="Symbol" w:hAnsi="Symbol" w:hint="default"/>
      </w:rPr>
    </w:lvl>
  </w:abstractNum>
  <w:abstractNum w:abstractNumId="10">
    <w:nsid w:val="06127E2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1">
    <w:nsid w:val="08CB0D25"/>
    <w:multiLevelType w:val="multilevel"/>
    <w:tmpl w:val="909C3792"/>
    <w:name w:val="TableNum"/>
    <w:lvl w:ilvl="0">
      <w:start w:val="1"/>
      <w:numFmt w:val="decimal"/>
      <w:pStyle w:val="tgfTable1"/>
      <w:lvlText w:val="%1."/>
      <w:lvlJc w:val="left"/>
      <w:pPr>
        <w:tabs>
          <w:tab w:val="num" w:pos="360"/>
        </w:tabs>
        <w:ind w:left="360" w:hanging="360"/>
      </w:pPr>
      <w:rPr>
        <w:rFonts w:hint="default"/>
      </w:rPr>
    </w:lvl>
    <w:lvl w:ilvl="1">
      <w:start w:val="1"/>
      <w:numFmt w:val="lowerLetter"/>
      <w:pStyle w:val="tgfTable2"/>
      <w:lvlText w:val="(%2)"/>
      <w:lvlJc w:val="left"/>
      <w:pPr>
        <w:tabs>
          <w:tab w:val="num" w:pos="0"/>
        </w:tabs>
        <w:ind w:left="720" w:hanging="360"/>
      </w:pPr>
      <w:rPr>
        <w:rFonts w:hint="default"/>
      </w:rPr>
    </w:lvl>
    <w:lvl w:ilvl="2">
      <w:start w:val="1"/>
      <w:numFmt w:val="lowerRoman"/>
      <w:pStyle w:val="tgfTable3"/>
      <w:lvlText w:val="(%3)"/>
      <w:lvlJc w:val="left"/>
      <w:pPr>
        <w:tabs>
          <w:tab w:val="num" w:pos="1080"/>
        </w:tabs>
        <w:ind w:left="1080" w:hanging="360"/>
      </w:pPr>
      <w:rPr>
        <w:rFonts w:hint="default"/>
      </w:rPr>
    </w:lvl>
    <w:lvl w:ilvl="3">
      <w:start w:val="1"/>
      <w:numFmt w:val="lowerLetter"/>
      <w:pStyle w:val="tgfTable4"/>
      <w:lvlText w:val="(%4)"/>
      <w:lvlJc w:val="left"/>
      <w:pPr>
        <w:tabs>
          <w:tab w:val="num" w:pos="360"/>
        </w:tabs>
        <w:ind w:left="360" w:hanging="360"/>
      </w:pPr>
      <w:rPr>
        <w:rFonts w:hint="default"/>
      </w:rPr>
    </w:lvl>
    <w:lvl w:ilvl="4">
      <w:start w:val="1"/>
      <w:numFmt w:val="lowerRoman"/>
      <w:pStyle w:val="tgfTable5"/>
      <w:lvlText w:val="(%5)"/>
      <w:lvlJc w:val="left"/>
      <w:pPr>
        <w:tabs>
          <w:tab w:val="num" w:pos="720"/>
        </w:tabs>
        <w:ind w:left="720" w:hanging="360"/>
      </w:pPr>
      <w:rPr>
        <w:rFonts w:hint="default"/>
      </w:rPr>
    </w:lvl>
    <w:lvl w:ilvl="5">
      <w:start w:val="1"/>
      <w:numFmt w:val="upperLetter"/>
      <w:pStyle w:val="tgfTable6"/>
      <w:lvlText w:val="%6."/>
      <w:lvlJc w:val="left"/>
      <w:pPr>
        <w:tabs>
          <w:tab w:val="num" w:pos="1440"/>
        </w:tabs>
        <w:ind w:left="1440" w:hanging="360"/>
      </w:pPr>
      <w:rPr>
        <w:rFonts w:hint="default"/>
      </w:rPr>
    </w:lvl>
    <w:lvl w:ilvl="6">
      <w:start w:val="1"/>
      <w:numFmt w:val="decimal"/>
      <w:pStyle w:val="tgfTable7"/>
      <w:lvlText w:val="%7)"/>
      <w:lvlJc w:val="left"/>
      <w:pPr>
        <w:tabs>
          <w:tab w:val="num" w:pos="1800"/>
        </w:tabs>
        <w:ind w:left="1800" w:hanging="360"/>
      </w:pPr>
      <w:rPr>
        <w:rFonts w:hint="default"/>
      </w:rPr>
    </w:lvl>
    <w:lvl w:ilvl="7">
      <w:start w:val="1"/>
      <w:numFmt w:val="lowerLetter"/>
      <w:pStyle w:val="tgfTable8"/>
      <w:lvlText w:val="%8)"/>
      <w:lvlJc w:val="left"/>
      <w:pPr>
        <w:tabs>
          <w:tab w:val="num" w:pos="2160"/>
        </w:tabs>
        <w:ind w:left="2160" w:hanging="360"/>
      </w:pPr>
      <w:rPr>
        <w:rFonts w:hint="default"/>
      </w:rPr>
    </w:lvl>
    <w:lvl w:ilvl="8">
      <w:start w:val="1"/>
      <w:numFmt w:val="lowerRoman"/>
      <w:pStyle w:val="tgfTable9"/>
      <w:lvlText w:val="%9)"/>
      <w:lvlJc w:val="left"/>
      <w:pPr>
        <w:tabs>
          <w:tab w:val="num" w:pos="2520"/>
        </w:tabs>
        <w:ind w:left="2520" w:hanging="360"/>
      </w:pPr>
      <w:rPr>
        <w:rFonts w:hint="default"/>
      </w:rPr>
    </w:lvl>
  </w:abstractNum>
  <w:abstractNum w:abstractNumId="12">
    <w:nsid w:val="0B9F05B0"/>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3">
    <w:nsid w:val="0F6B3715"/>
    <w:multiLevelType w:val="multilevel"/>
    <w:tmpl w:val="0409001D"/>
    <w:name w:val="Lit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4">
    <w:nsid w:val="1B9671F9"/>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5">
    <w:nsid w:val="26751BC2"/>
    <w:multiLevelType w:val="multilevel"/>
    <w:tmpl w:val="1E8402B4"/>
    <w:name w:val="WrapNum"/>
    <w:styleLink w:val="tgfGeneralWrap"/>
    <w:lvl w:ilvl="0">
      <w:start w:val="1"/>
      <w:numFmt w:val="decimal"/>
      <w:pStyle w:val="tgfGeneralWrap1"/>
      <w:lvlText w:val="%1."/>
      <w:lvlJc w:val="left"/>
      <w:pPr>
        <w:tabs>
          <w:tab w:val="num" w:pos="720"/>
        </w:tabs>
        <w:ind w:left="0" w:firstLine="0"/>
      </w:pPr>
      <w:rPr>
        <w:rFonts w:hint="default"/>
      </w:rPr>
    </w:lvl>
    <w:lvl w:ilvl="1">
      <w:start w:val="1"/>
      <w:numFmt w:val="lowerLetter"/>
      <w:pStyle w:val="tgfGeneralWrap2"/>
      <w:lvlText w:val="(%2)"/>
      <w:lvlJc w:val="left"/>
      <w:pPr>
        <w:tabs>
          <w:tab w:val="num" w:pos="1440"/>
        </w:tabs>
        <w:ind w:left="720" w:firstLine="0"/>
      </w:pPr>
      <w:rPr>
        <w:rFonts w:hint="default"/>
      </w:rPr>
    </w:lvl>
    <w:lvl w:ilvl="2">
      <w:start w:val="1"/>
      <w:numFmt w:val="lowerRoman"/>
      <w:pStyle w:val="tgfGeneralWrap3"/>
      <w:lvlText w:val="(%3)"/>
      <w:lvlJc w:val="left"/>
      <w:pPr>
        <w:tabs>
          <w:tab w:val="num" w:pos="2160"/>
        </w:tabs>
        <w:ind w:left="1440" w:firstLine="0"/>
      </w:pPr>
      <w:rPr>
        <w:rFonts w:hint="default"/>
      </w:rPr>
    </w:lvl>
    <w:lvl w:ilvl="3">
      <w:start w:val="1"/>
      <w:numFmt w:val="decimal"/>
      <w:pStyle w:val="tgfGeneralWrap4"/>
      <w:lvlText w:val="%4)"/>
      <w:lvlJc w:val="left"/>
      <w:pPr>
        <w:tabs>
          <w:tab w:val="num" w:pos="2880"/>
        </w:tabs>
        <w:ind w:left="2160" w:firstLine="0"/>
      </w:pPr>
      <w:rPr>
        <w:rFonts w:hint="default"/>
      </w:rPr>
    </w:lvl>
    <w:lvl w:ilvl="4">
      <w:start w:val="1"/>
      <w:numFmt w:val="lowerLetter"/>
      <w:pStyle w:val="tgfGeneralWrap5"/>
      <w:lvlText w:val="%5)"/>
      <w:lvlJc w:val="left"/>
      <w:pPr>
        <w:tabs>
          <w:tab w:val="num" w:pos="3600"/>
        </w:tabs>
        <w:ind w:left="2880" w:firstLine="0"/>
      </w:pPr>
      <w:rPr>
        <w:rFonts w:hint="default"/>
      </w:rPr>
    </w:lvl>
    <w:lvl w:ilvl="5">
      <w:start w:val="1"/>
      <w:numFmt w:val="lowerRoman"/>
      <w:pStyle w:val="tgfGeneralWrap6"/>
      <w:lvlText w:val="%6)"/>
      <w:lvlJc w:val="left"/>
      <w:pPr>
        <w:tabs>
          <w:tab w:val="num" w:pos="4320"/>
        </w:tabs>
        <w:ind w:left="3600" w:firstLine="0"/>
      </w:pPr>
      <w:rPr>
        <w:rFonts w:hint="default"/>
      </w:rPr>
    </w:lvl>
    <w:lvl w:ilvl="6">
      <w:start w:val="1"/>
      <w:numFmt w:val="decimal"/>
      <w:pStyle w:val="tgfGeneralWrap7"/>
      <w:lvlText w:val="%7."/>
      <w:lvlJc w:val="left"/>
      <w:pPr>
        <w:tabs>
          <w:tab w:val="num" w:pos="5040"/>
        </w:tabs>
        <w:ind w:left="4320" w:firstLine="0"/>
      </w:pPr>
      <w:rPr>
        <w:rFonts w:hint="default"/>
      </w:rPr>
    </w:lvl>
    <w:lvl w:ilvl="7">
      <w:start w:val="1"/>
      <w:numFmt w:val="lowerLetter"/>
      <w:pStyle w:val="tgfGeneralWrap8"/>
      <w:lvlText w:val="%8."/>
      <w:lvlJc w:val="left"/>
      <w:pPr>
        <w:tabs>
          <w:tab w:val="num" w:pos="5760"/>
        </w:tabs>
        <w:ind w:left="5040" w:firstLine="0"/>
      </w:pPr>
      <w:rPr>
        <w:rFonts w:hint="default"/>
      </w:rPr>
    </w:lvl>
    <w:lvl w:ilvl="8">
      <w:start w:val="1"/>
      <w:numFmt w:val="lowerRoman"/>
      <w:pStyle w:val="tgfGeneralWrap9"/>
      <w:lvlText w:val="%9."/>
      <w:lvlJc w:val="left"/>
      <w:pPr>
        <w:tabs>
          <w:tab w:val="num" w:pos="6480"/>
        </w:tabs>
        <w:ind w:left="5760" w:firstLine="0"/>
      </w:pPr>
      <w:rPr>
        <w:rFonts w:hint="default"/>
      </w:rPr>
    </w:lvl>
  </w:abstractNum>
  <w:abstractNum w:abstractNumId="16">
    <w:nsid w:val="2A1D4C90"/>
    <w:multiLevelType w:val="multilevel"/>
    <w:tmpl w:val="0409001D"/>
    <w:name w:val="Gen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nsid w:val="2D8348FD"/>
    <w:multiLevelType w:val="hybridMultilevel"/>
    <w:tmpl w:val="C9DA2E96"/>
    <w:lvl w:ilvl="0">
      <w:start w:val="5"/>
      <w:numFmt w:val="bullet"/>
      <w:lvlText w:val=""/>
      <w:lvlJc w:val="left"/>
      <w:pPr>
        <w:ind w:left="720" w:hanging="360"/>
      </w:pPr>
      <w:rPr>
        <w:rFonts w:ascii="Symbol" w:eastAsia="Times New Roman" w:hAnsi="Symbol" w:cs="Times New Roman"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18">
    <w:nsid w:val="2FED493D"/>
    <w:multiLevelType w:val="multilevel"/>
    <w:tmpl w:val="365E2756"/>
    <w:name w:val="ArtNum"/>
    <w:styleLink w:val="tgfArticle"/>
    <w:lvl w:ilvl="0">
      <w:start w:val="1"/>
      <w:numFmt w:val="upperRoman"/>
      <w:pStyle w:val="tgfArticle1"/>
      <w:suff w:val="nothing"/>
      <w:lvlText w:val="Article %1"/>
      <w:lvlJc w:val="left"/>
      <w:pPr>
        <w:ind w:left="0" w:firstLine="0"/>
      </w:pPr>
      <w:rPr>
        <w:rFonts w:hint="default"/>
      </w:rPr>
    </w:lvl>
    <w:lvl w:ilvl="1">
      <w:start w:val="1"/>
      <w:numFmt w:val="decimalZero"/>
      <w:pStyle w:val="tgfArticle2"/>
      <w:isLgl/>
      <w:lvlText w:val="%1.%2"/>
      <w:lvlJc w:val="left"/>
      <w:pPr>
        <w:tabs>
          <w:tab w:val="num" w:pos="720"/>
        </w:tabs>
        <w:ind w:left="720" w:hanging="720"/>
      </w:pPr>
      <w:rPr>
        <w:rFonts w:hint="default"/>
      </w:rPr>
    </w:lvl>
    <w:lvl w:ilvl="2">
      <w:start w:val="1"/>
      <w:numFmt w:val="lowerLetter"/>
      <w:pStyle w:val="tgfArticle3"/>
      <w:lvlText w:val="(%3)"/>
      <w:lvlJc w:val="left"/>
      <w:pPr>
        <w:tabs>
          <w:tab w:val="num" w:pos="1440"/>
        </w:tabs>
        <w:ind w:left="1440" w:hanging="720"/>
      </w:pPr>
      <w:rPr>
        <w:rFonts w:hint="default"/>
      </w:rPr>
    </w:lvl>
    <w:lvl w:ilvl="3">
      <w:start w:val="1"/>
      <w:numFmt w:val="lowerRoman"/>
      <w:pStyle w:val="tgfArticle4"/>
      <w:lvlText w:val="(%4)"/>
      <w:lvlJc w:val="left"/>
      <w:pPr>
        <w:tabs>
          <w:tab w:val="num" w:pos="2160"/>
        </w:tabs>
        <w:ind w:left="2160" w:hanging="720"/>
      </w:pPr>
      <w:rPr>
        <w:rFonts w:hint="default"/>
      </w:rPr>
    </w:lvl>
    <w:lvl w:ilvl="4">
      <w:start w:val="1"/>
      <w:numFmt w:val="decimal"/>
      <w:pStyle w:val="tgfArticle5"/>
      <w:lvlText w:val="%5."/>
      <w:lvlJc w:val="left"/>
      <w:pPr>
        <w:tabs>
          <w:tab w:val="num" w:pos="2880"/>
        </w:tabs>
        <w:ind w:left="2880" w:hanging="720"/>
      </w:pPr>
      <w:rPr>
        <w:rFonts w:hint="default"/>
      </w:rPr>
    </w:lvl>
    <w:lvl w:ilvl="5">
      <w:start w:val="1"/>
      <w:numFmt w:val="lowerLetter"/>
      <w:pStyle w:val="tgfArticle6"/>
      <w:lvlText w:val="%6)"/>
      <w:lvlJc w:val="left"/>
      <w:pPr>
        <w:tabs>
          <w:tab w:val="num" w:pos="3600"/>
        </w:tabs>
        <w:ind w:left="3600" w:hanging="720"/>
      </w:pPr>
      <w:rPr>
        <w:rFonts w:hint="default"/>
      </w:rPr>
    </w:lvl>
    <w:lvl w:ilvl="6">
      <w:start w:val="1"/>
      <w:numFmt w:val="lowerRoman"/>
      <w:pStyle w:val="tgfArticle7"/>
      <w:lvlText w:val="%7)"/>
      <w:lvlJc w:val="left"/>
      <w:pPr>
        <w:tabs>
          <w:tab w:val="num" w:pos="4320"/>
        </w:tabs>
        <w:ind w:left="4320" w:hanging="720"/>
      </w:pPr>
      <w:rPr>
        <w:rFonts w:hint="default"/>
      </w:rPr>
    </w:lvl>
    <w:lvl w:ilvl="7">
      <w:start w:val="1"/>
      <w:numFmt w:val="decimal"/>
      <w:pStyle w:val="tgfArticle8"/>
      <w:lvlText w:val="%8)"/>
      <w:lvlJc w:val="left"/>
      <w:pPr>
        <w:tabs>
          <w:tab w:val="num" w:pos="5040"/>
        </w:tabs>
        <w:ind w:left="5040" w:hanging="720"/>
      </w:pPr>
      <w:rPr>
        <w:rFonts w:hint="default"/>
      </w:rPr>
    </w:lvl>
    <w:lvl w:ilvl="8">
      <w:start w:val="1"/>
      <w:numFmt w:val="lowerLetter"/>
      <w:pStyle w:val="tgfArticle9"/>
      <w:lvlText w:val="%9."/>
      <w:lvlJc w:val="left"/>
      <w:pPr>
        <w:tabs>
          <w:tab w:val="num" w:pos="5760"/>
        </w:tabs>
        <w:ind w:left="5760" w:hanging="720"/>
      </w:pPr>
      <w:rPr>
        <w:rFonts w:hint="default"/>
      </w:rPr>
    </w:lvl>
  </w:abstractNum>
  <w:abstractNum w:abstractNumId="19">
    <w:nsid w:val="30B67537"/>
    <w:multiLevelType w:val="multilevel"/>
    <w:tmpl w:val="0409001D"/>
    <w:name w:val="LitNum3"/>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0">
    <w:nsid w:val="328C7383"/>
    <w:multiLevelType w:val="multilevel"/>
    <w:tmpl w:val="ED5A5112"/>
    <w:name w:val="GenNum"/>
    <w:lvl w:ilvl="0">
      <w:start w:val="1"/>
      <w:numFmt w:val="decimal"/>
      <w:pStyle w:val="tgfGeneral1"/>
      <w:lvlText w:val="%1."/>
      <w:lvlJc w:val="left"/>
      <w:pPr>
        <w:tabs>
          <w:tab w:val="num" w:pos="720"/>
        </w:tabs>
        <w:ind w:left="720" w:hanging="720"/>
      </w:pPr>
      <w:rPr>
        <w:rFonts w:hint="default"/>
      </w:rPr>
    </w:lvl>
    <w:lvl w:ilvl="1">
      <w:start w:val="1"/>
      <w:numFmt w:val="lowerLetter"/>
      <w:pStyle w:val="tgfGeneral2"/>
      <w:lvlText w:val="(%2)"/>
      <w:lvlJc w:val="left"/>
      <w:pPr>
        <w:tabs>
          <w:tab w:val="num" w:pos="1440"/>
        </w:tabs>
        <w:ind w:left="1440" w:hanging="720"/>
      </w:pPr>
      <w:rPr>
        <w:rFonts w:hint="default"/>
      </w:rPr>
    </w:lvl>
    <w:lvl w:ilvl="2">
      <w:start w:val="1"/>
      <w:numFmt w:val="lowerRoman"/>
      <w:pStyle w:val="tgfGeneral3"/>
      <w:lvlText w:val="(%3)"/>
      <w:lvlJc w:val="left"/>
      <w:pPr>
        <w:tabs>
          <w:tab w:val="num" w:pos="2160"/>
        </w:tabs>
        <w:ind w:left="2160" w:hanging="720"/>
      </w:pPr>
      <w:rPr>
        <w:rFonts w:hint="default"/>
      </w:rPr>
    </w:lvl>
    <w:lvl w:ilvl="3">
      <w:start w:val="1"/>
      <w:numFmt w:val="decimal"/>
      <w:pStyle w:val="tgfGeneral4"/>
      <w:lvlText w:val="(%4)"/>
      <w:lvlJc w:val="left"/>
      <w:pPr>
        <w:tabs>
          <w:tab w:val="num" w:pos="2880"/>
        </w:tabs>
        <w:ind w:left="2880" w:hanging="720"/>
      </w:pPr>
      <w:rPr>
        <w:rFonts w:hint="default"/>
      </w:rPr>
    </w:lvl>
    <w:lvl w:ilvl="4">
      <w:start w:val="1"/>
      <w:numFmt w:val="lowerLetter"/>
      <w:pStyle w:val="tgfGeneral5"/>
      <w:lvlText w:val="(%5)"/>
      <w:lvlJc w:val="left"/>
      <w:pPr>
        <w:tabs>
          <w:tab w:val="num" w:pos="3600"/>
        </w:tabs>
        <w:ind w:left="3600" w:hanging="720"/>
      </w:pPr>
      <w:rPr>
        <w:rFonts w:hint="default"/>
      </w:rPr>
    </w:lvl>
    <w:lvl w:ilvl="5">
      <w:start w:val="1"/>
      <w:numFmt w:val="lowerRoman"/>
      <w:pStyle w:val="tgfGeneral6"/>
      <w:lvlText w:val="(%6)"/>
      <w:lvlJc w:val="left"/>
      <w:pPr>
        <w:tabs>
          <w:tab w:val="num" w:pos="4320"/>
        </w:tabs>
        <w:ind w:left="4320" w:hanging="720"/>
      </w:pPr>
      <w:rPr>
        <w:rFonts w:hint="default"/>
      </w:rPr>
    </w:lvl>
    <w:lvl w:ilvl="6">
      <w:start w:val="1"/>
      <w:numFmt w:val="decimal"/>
      <w:pStyle w:val="tgfGeneral7"/>
      <w:lvlText w:val="%7."/>
      <w:lvlJc w:val="left"/>
      <w:pPr>
        <w:tabs>
          <w:tab w:val="num" w:pos="5040"/>
        </w:tabs>
        <w:ind w:left="5040" w:hanging="720"/>
      </w:pPr>
      <w:rPr>
        <w:rFonts w:hint="default"/>
      </w:rPr>
    </w:lvl>
    <w:lvl w:ilvl="7">
      <w:start w:val="1"/>
      <w:numFmt w:val="lowerLetter"/>
      <w:pStyle w:val="tgfGeneral8"/>
      <w:lvlText w:val="%8."/>
      <w:lvlJc w:val="left"/>
      <w:pPr>
        <w:tabs>
          <w:tab w:val="num" w:pos="5040"/>
        </w:tabs>
        <w:ind w:left="5040" w:hanging="720"/>
      </w:pPr>
      <w:rPr>
        <w:rFonts w:hint="default"/>
      </w:rPr>
    </w:lvl>
    <w:lvl w:ilvl="8">
      <w:start w:val="1"/>
      <w:numFmt w:val="lowerRoman"/>
      <w:pStyle w:val="tgfGeneral9"/>
      <w:lvlText w:val="%9."/>
      <w:lvlJc w:val="left"/>
      <w:pPr>
        <w:tabs>
          <w:tab w:val="num" w:pos="5040"/>
        </w:tabs>
        <w:ind w:left="5040" w:hanging="720"/>
      </w:pPr>
      <w:rPr>
        <w:rFonts w:hint="default"/>
      </w:rPr>
    </w:lvl>
  </w:abstractNum>
  <w:abstractNum w:abstractNumId="21">
    <w:nsid w:val="382534AE"/>
    <w:multiLevelType w:val="multilevel"/>
    <w:tmpl w:val="211A42C0"/>
    <w:name w:val="LitNum"/>
    <w:lvl w:ilvl="0">
      <w:start w:val="1"/>
      <w:numFmt w:val="decimal"/>
      <w:pStyle w:val="tgfPleading1"/>
      <w:lvlText w:val="%1."/>
      <w:lvlJc w:val="left"/>
      <w:pPr>
        <w:tabs>
          <w:tab w:val="num" w:pos="720"/>
        </w:tabs>
        <w:ind w:left="720" w:hanging="720"/>
      </w:pPr>
      <w:rPr>
        <w:rFonts w:hint="default"/>
      </w:rPr>
    </w:lvl>
    <w:lvl w:ilvl="1">
      <w:start w:val="1"/>
      <w:numFmt w:val="lowerLetter"/>
      <w:pStyle w:val="tgfPleading2"/>
      <w:lvlText w:val="(%2)"/>
      <w:lvlJc w:val="left"/>
      <w:pPr>
        <w:tabs>
          <w:tab w:val="num" w:pos="1440"/>
        </w:tabs>
        <w:ind w:left="1440" w:hanging="720"/>
      </w:pPr>
      <w:rPr>
        <w:rFonts w:hint="default"/>
      </w:rPr>
    </w:lvl>
    <w:lvl w:ilvl="2">
      <w:start w:val="1"/>
      <w:numFmt w:val="lowerRoman"/>
      <w:pStyle w:val="tgfPleading3"/>
      <w:lvlText w:val="(%3)"/>
      <w:lvlJc w:val="left"/>
      <w:pPr>
        <w:tabs>
          <w:tab w:val="num" w:pos="2160"/>
        </w:tabs>
        <w:ind w:left="2160" w:hanging="720"/>
      </w:pPr>
      <w:rPr>
        <w:rFonts w:hint="default"/>
      </w:rPr>
    </w:lvl>
    <w:lvl w:ilvl="3">
      <w:start w:val="1"/>
      <w:numFmt w:val="decimal"/>
      <w:pStyle w:val="tgfPleading4"/>
      <w:lvlText w:val="(%4)"/>
      <w:lvlJc w:val="left"/>
      <w:pPr>
        <w:tabs>
          <w:tab w:val="num" w:pos="2880"/>
        </w:tabs>
        <w:ind w:left="2880" w:hanging="720"/>
      </w:pPr>
      <w:rPr>
        <w:rFonts w:hint="default"/>
      </w:rPr>
    </w:lvl>
    <w:lvl w:ilvl="4">
      <w:start w:val="1"/>
      <w:numFmt w:val="lowerLetter"/>
      <w:pStyle w:val="tgfPleading5"/>
      <w:lvlText w:val="%5)"/>
      <w:lvlJc w:val="left"/>
      <w:pPr>
        <w:tabs>
          <w:tab w:val="num" w:pos="3600"/>
        </w:tabs>
        <w:ind w:left="3600" w:hanging="720"/>
      </w:pPr>
      <w:rPr>
        <w:rFonts w:hint="default"/>
      </w:rPr>
    </w:lvl>
    <w:lvl w:ilvl="5">
      <w:start w:val="1"/>
      <w:numFmt w:val="lowerRoman"/>
      <w:pStyle w:val="tgfPleading6"/>
      <w:lvlText w:val="%6)"/>
      <w:lvlJc w:val="left"/>
      <w:pPr>
        <w:tabs>
          <w:tab w:val="num" w:pos="4320"/>
        </w:tabs>
        <w:ind w:left="4320" w:hanging="720"/>
      </w:pPr>
      <w:rPr>
        <w:rFonts w:hint="default"/>
      </w:rPr>
    </w:lvl>
    <w:lvl w:ilvl="6">
      <w:start w:val="1"/>
      <w:numFmt w:val="decimal"/>
      <w:pStyle w:val="tgfPleading7"/>
      <w:lvlText w:val="%7)"/>
      <w:lvlJc w:val="left"/>
      <w:pPr>
        <w:tabs>
          <w:tab w:val="num" w:pos="5040"/>
        </w:tabs>
        <w:ind w:left="5040" w:hanging="720"/>
      </w:pPr>
      <w:rPr>
        <w:rFonts w:hint="default"/>
      </w:rPr>
    </w:lvl>
    <w:lvl w:ilvl="7">
      <w:start w:val="1"/>
      <w:numFmt w:val="lowerLetter"/>
      <w:pStyle w:val="tgfPleading8"/>
      <w:lvlText w:val="%8."/>
      <w:lvlJc w:val="left"/>
      <w:pPr>
        <w:tabs>
          <w:tab w:val="num" w:pos="5040"/>
        </w:tabs>
        <w:ind w:left="5040" w:hanging="720"/>
      </w:pPr>
      <w:rPr>
        <w:rFonts w:hint="default"/>
      </w:rPr>
    </w:lvl>
    <w:lvl w:ilvl="8">
      <w:start w:val="1"/>
      <w:numFmt w:val="lowerRoman"/>
      <w:pStyle w:val="tgfPleading9"/>
      <w:lvlText w:val="%9."/>
      <w:lvlJc w:val="left"/>
      <w:pPr>
        <w:tabs>
          <w:tab w:val="num" w:pos="5040"/>
        </w:tabs>
        <w:ind w:left="5040" w:hanging="720"/>
      </w:pPr>
      <w:rPr>
        <w:rFonts w:hint="default"/>
      </w:rPr>
    </w:lvl>
  </w:abstractNum>
  <w:abstractNum w:abstractNumId="22">
    <w:nsid w:val="3B3B09C9"/>
    <w:multiLevelType w:val="multilevel"/>
    <w:tmpl w:val="5A364E50"/>
    <w:name w:val="tgf"/>
    <w:lvl w:ilvl="0">
      <w:start w:val="1"/>
      <w:numFmt w:val="bullet"/>
      <w:pStyle w:val="tgfBullet1"/>
      <w:lvlText w:val=""/>
      <w:lvlJc w:val="left"/>
      <w:pPr>
        <w:tabs>
          <w:tab w:val="num" w:pos="720"/>
        </w:tabs>
        <w:ind w:left="720" w:hanging="720"/>
      </w:pPr>
      <w:rPr>
        <w:rFonts w:ascii="Symbol" w:hAnsi="Symbol" w:hint="default"/>
      </w:rPr>
    </w:lvl>
    <w:lvl w:ilvl="1">
      <w:start w:val="1"/>
      <w:numFmt w:val="bullet"/>
      <w:pStyle w:val="tgfBullet2"/>
      <w:lvlText w:val=""/>
      <w:lvlJc w:val="left"/>
      <w:pPr>
        <w:tabs>
          <w:tab w:val="num" w:pos="1440"/>
        </w:tabs>
        <w:ind w:left="1440" w:hanging="720"/>
      </w:pPr>
      <w:rPr>
        <w:rFonts w:ascii="Symbol" w:hAnsi="Symbol" w:hint="default"/>
      </w:rPr>
    </w:lvl>
    <w:lvl w:ilvl="2">
      <w:start w:val="1"/>
      <w:numFmt w:val="bullet"/>
      <w:pStyle w:val="tgfBullet3"/>
      <w:lvlText w:val=""/>
      <w:lvlJc w:val="left"/>
      <w:pPr>
        <w:tabs>
          <w:tab w:val="num" w:pos="2160"/>
        </w:tabs>
        <w:ind w:left="2160" w:hanging="720"/>
      </w:pPr>
      <w:rPr>
        <w:rFonts w:ascii="Symbol" w:hAnsi="Symbol" w:hint="default"/>
      </w:rPr>
    </w:lvl>
    <w:lvl w:ilvl="3">
      <w:start w:val="1"/>
      <w:numFmt w:val="bullet"/>
      <w:pStyle w:val="tgfBullet4"/>
      <w:lvlText w:val=""/>
      <w:lvlJc w:val="left"/>
      <w:pPr>
        <w:tabs>
          <w:tab w:val="num" w:pos="2880"/>
        </w:tabs>
        <w:ind w:left="2880" w:hanging="720"/>
      </w:pPr>
      <w:rPr>
        <w:rFonts w:ascii="Symbol" w:hAnsi="Symbol" w:hint="default"/>
      </w:rPr>
    </w:lvl>
    <w:lvl w:ilvl="4">
      <w:start w:val="1"/>
      <w:numFmt w:val="bullet"/>
      <w:lvlText w:val=""/>
      <w:lvlJc w:val="left"/>
      <w:pPr>
        <w:tabs>
          <w:tab w:val="num" w:pos="1800"/>
        </w:tabs>
        <w:ind w:left="1800" w:hanging="360"/>
      </w:pPr>
      <w:rPr>
        <w:rFonts w:ascii="Symbol" w:hAnsi="Symbol" w:hint="default"/>
      </w:rPr>
    </w:lvl>
    <w:lvl w:ilvl="5">
      <w:start w:val="1"/>
      <w:numFmt w:val="bullet"/>
      <w:lvlText w:val=""/>
      <w:lvlJc w:val="left"/>
      <w:pPr>
        <w:tabs>
          <w:tab w:val="num" w:pos="2160"/>
        </w:tabs>
        <w:ind w:left="2160" w:hanging="360"/>
      </w:pPr>
      <w:rPr>
        <w:rFonts w:ascii="Wingdings" w:hAnsi="Wingdings" w:hint="default"/>
      </w:rPr>
    </w:lvl>
    <w:lvl w:ilvl="6">
      <w:start w:val="1"/>
      <w:numFmt w:val="bullet"/>
      <w:lvlText w:val=""/>
      <w:lvlJc w:val="left"/>
      <w:pPr>
        <w:tabs>
          <w:tab w:val="num" w:pos="2520"/>
        </w:tabs>
        <w:ind w:left="2520" w:hanging="360"/>
      </w:pPr>
      <w:rPr>
        <w:rFonts w:ascii="Wingdings" w:hAnsi="Wingdings" w:hint="default"/>
      </w:rPr>
    </w:lvl>
    <w:lvl w:ilvl="7">
      <w:start w:val="1"/>
      <w:numFmt w:val="bullet"/>
      <w:lvlText w:val=""/>
      <w:lvlJc w:val="left"/>
      <w:pPr>
        <w:tabs>
          <w:tab w:val="num" w:pos="2880"/>
        </w:tabs>
        <w:ind w:left="2880" w:hanging="360"/>
      </w:pPr>
      <w:rPr>
        <w:rFonts w:ascii="Symbol" w:hAnsi="Symbol" w:hint="default"/>
      </w:rPr>
    </w:lvl>
    <w:lvl w:ilvl="8">
      <w:start w:val="1"/>
      <w:numFmt w:val="bullet"/>
      <w:lvlText w:val=""/>
      <w:lvlJc w:val="left"/>
      <w:pPr>
        <w:tabs>
          <w:tab w:val="num" w:pos="3240"/>
        </w:tabs>
        <w:ind w:left="3240" w:hanging="360"/>
      </w:pPr>
      <w:rPr>
        <w:rFonts w:ascii="Symbol" w:hAnsi="Symbol" w:hint="default"/>
      </w:rPr>
    </w:lvl>
  </w:abstractNum>
  <w:abstractNum w:abstractNumId="23">
    <w:nsid w:val="411F799C"/>
    <w:multiLevelType w:val="multilevel"/>
    <w:tmpl w:val="0409001D"/>
    <w:name w:val="ComboNum3"/>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4">
    <w:nsid w:val="46C9400B"/>
    <w:multiLevelType w:val="multilevel"/>
    <w:tmpl w:val="0409001D"/>
    <w:name w:val="Combo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5">
    <w:nsid w:val="4A9D3ADA"/>
    <w:multiLevelType w:val="multilevel"/>
    <w:tmpl w:val="10090023"/>
    <w:name w:val="ComboNum4"/>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26">
    <w:nsid w:val="4D032295"/>
    <w:multiLevelType w:val="multilevel"/>
    <w:tmpl w:val="CD90AEF4"/>
    <w:name w:val="ComboNum"/>
    <w:lvl w:ilvl="0">
      <w:start w:val="1"/>
      <w:numFmt w:val="upperLetter"/>
      <w:pStyle w:val="tgfCombo1"/>
      <w:lvlText w:val="%1."/>
      <w:lvlJc w:val="left"/>
      <w:pPr>
        <w:tabs>
          <w:tab w:val="num" w:pos="720"/>
        </w:tabs>
        <w:ind w:left="720" w:hanging="720"/>
      </w:pPr>
      <w:rPr>
        <w:rFonts w:hint="default"/>
      </w:rPr>
    </w:lvl>
    <w:lvl w:ilvl="1">
      <w:start w:val="1"/>
      <w:numFmt w:val="decimal"/>
      <w:pStyle w:val="tgfCombo2"/>
      <w:lvlText w:val="%2."/>
      <w:lvlJc w:val="left"/>
      <w:pPr>
        <w:tabs>
          <w:tab w:val="num" w:pos="1440"/>
        </w:tabs>
        <w:ind w:left="1440" w:hanging="720"/>
      </w:pPr>
      <w:rPr>
        <w:rFonts w:hint="default"/>
      </w:rPr>
    </w:lvl>
    <w:lvl w:ilvl="2">
      <w:start w:val="1"/>
      <w:numFmt w:val="lowerLetter"/>
      <w:pStyle w:val="tgfCombo3"/>
      <w:lvlText w:val="(%3)"/>
      <w:lvlJc w:val="left"/>
      <w:pPr>
        <w:tabs>
          <w:tab w:val="num" w:pos="2160"/>
        </w:tabs>
        <w:ind w:left="2160" w:hanging="720"/>
      </w:pPr>
      <w:rPr>
        <w:rFonts w:hint="default"/>
      </w:rPr>
    </w:lvl>
    <w:lvl w:ilvl="3">
      <w:start w:val="1"/>
      <w:numFmt w:val="lowerRoman"/>
      <w:pStyle w:val="tgfCombo4"/>
      <w:lvlText w:val="(%4)"/>
      <w:lvlJc w:val="left"/>
      <w:pPr>
        <w:tabs>
          <w:tab w:val="num" w:pos="2880"/>
        </w:tabs>
        <w:ind w:left="2880" w:hanging="720"/>
      </w:pPr>
      <w:rPr>
        <w:rFonts w:hint="default"/>
      </w:rPr>
    </w:lvl>
    <w:lvl w:ilvl="4">
      <w:start w:val="1"/>
      <w:numFmt w:val="decimal"/>
      <w:pStyle w:val="tgfCombo5"/>
      <w:lvlText w:val="%5)"/>
      <w:lvlJc w:val="left"/>
      <w:pPr>
        <w:tabs>
          <w:tab w:val="num" w:pos="3600"/>
        </w:tabs>
        <w:ind w:left="3600" w:hanging="720"/>
      </w:pPr>
      <w:rPr>
        <w:rFonts w:hint="default"/>
      </w:rPr>
    </w:lvl>
    <w:lvl w:ilvl="5">
      <w:start w:val="1"/>
      <w:numFmt w:val="lowerLetter"/>
      <w:pStyle w:val="tgfCombo6"/>
      <w:lvlText w:val="%6)"/>
      <w:lvlJc w:val="left"/>
      <w:pPr>
        <w:tabs>
          <w:tab w:val="num" w:pos="4320"/>
        </w:tabs>
        <w:ind w:left="4320" w:hanging="720"/>
      </w:pPr>
      <w:rPr>
        <w:rFonts w:hint="default"/>
      </w:rPr>
    </w:lvl>
    <w:lvl w:ilvl="6">
      <w:start w:val="1"/>
      <w:numFmt w:val="lowerRoman"/>
      <w:pStyle w:val="tgfCombo7"/>
      <w:lvlText w:val="%7)"/>
      <w:lvlJc w:val="left"/>
      <w:pPr>
        <w:tabs>
          <w:tab w:val="num" w:pos="5040"/>
        </w:tabs>
        <w:ind w:left="5040" w:hanging="720"/>
      </w:pPr>
      <w:rPr>
        <w:rFonts w:hint="default"/>
      </w:rPr>
    </w:lvl>
    <w:lvl w:ilvl="7">
      <w:start w:val="1"/>
      <w:numFmt w:val="lowerLetter"/>
      <w:pStyle w:val="tgfCombo8"/>
      <w:lvlText w:val="(%8)"/>
      <w:lvlJc w:val="left"/>
      <w:pPr>
        <w:tabs>
          <w:tab w:val="num" w:pos="5040"/>
        </w:tabs>
        <w:ind w:left="5040" w:hanging="720"/>
      </w:pPr>
      <w:rPr>
        <w:rFonts w:hint="default"/>
      </w:rPr>
    </w:lvl>
    <w:lvl w:ilvl="8">
      <w:start w:val="1"/>
      <w:numFmt w:val="lowerRoman"/>
      <w:pStyle w:val="tgfCombo9"/>
      <w:lvlText w:val="(%9)"/>
      <w:lvlJc w:val="left"/>
      <w:pPr>
        <w:tabs>
          <w:tab w:val="num" w:pos="5040"/>
        </w:tabs>
        <w:ind w:left="5040" w:hanging="720"/>
      </w:pPr>
      <w:rPr>
        <w:rFonts w:hint="default"/>
      </w:rPr>
    </w:lvl>
  </w:abstractNum>
  <w:abstractNum w:abstractNumId="27">
    <w:nsid w:val="4E14198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8">
    <w:nsid w:val="602A08C2"/>
    <w:multiLevelType w:val="hybridMultilevel"/>
    <w:tmpl w:val="55A28434"/>
    <w:lvl w:ilvl="0">
      <w:start w:val="1"/>
      <w:numFmt w:val="bullet"/>
      <w:lvlText w:val=""/>
      <w:lvlJc w:val="left"/>
      <w:pPr>
        <w:tabs>
          <w:tab w:val="num" w:pos="720"/>
        </w:tabs>
        <w:ind w:left="720" w:hanging="720"/>
      </w:pPr>
      <w:rPr>
        <w:rFonts w:ascii="Symbol" w:hAnsi="Symbol" w:hint="default"/>
      </w:rPr>
    </w:lvl>
    <w:lvl w:ilvl="1" w:tentative="1">
      <w:start w:val="1"/>
      <w:numFmt w:val="bullet"/>
      <w:lvlText w:val="o"/>
      <w:lvlJc w:val="left"/>
      <w:pPr>
        <w:tabs>
          <w:tab w:val="num" w:pos="1440"/>
        </w:tabs>
        <w:ind w:left="1440" w:hanging="360"/>
      </w:pPr>
      <w:rPr>
        <w:rFonts w:ascii="Courier New" w:hAnsi="Courier New" w:cs="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cs="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cs="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9">
    <w:nsid w:val="6522088E"/>
    <w:multiLevelType w:val="hybridMultilevel"/>
    <w:tmpl w:val="6C32538E"/>
    <w:lvl w:ilvl="0">
      <w:start w:val="5"/>
      <w:numFmt w:val="bullet"/>
      <w:lvlText w:val=""/>
      <w:lvlJc w:val="left"/>
      <w:pPr>
        <w:ind w:left="720" w:hanging="360"/>
      </w:pPr>
      <w:rPr>
        <w:rFonts w:ascii="Symbol" w:eastAsia="Times New Roman" w:hAnsi="Symbol" w:cs="Times New Roman"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30">
    <w:nsid w:val="6D622778"/>
    <w:multiLevelType w:val="multilevel"/>
    <w:tmpl w:val="2A50BA9E"/>
    <w:name w:val="tgf_1"/>
    <w:lvl w:ilvl="0">
      <w:start w:val="1"/>
      <w:numFmt w:val="bullet"/>
      <w:pStyle w:val="tgfDash1"/>
      <w:lvlText w:val="-"/>
      <w:lvlJc w:val="left"/>
      <w:pPr>
        <w:tabs>
          <w:tab w:val="num" w:pos="720"/>
        </w:tabs>
        <w:ind w:left="720" w:hanging="720"/>
      </w:pPr>
      <w:rPr>
        <w:rFonts w:ascii="Courier New" w:hAnsi="Courier New" w:hint="default"/>
      </w:rPr>
    </w:lvl>
    <w:lvl w:ilvl="1">
      <w:start w:val="1"/>
      <w:numFmt w:val="bullet"/>
      <w:pStyle w:val="tgfDash2"/>
      <w:lvlText w:val="-"/>
      <w:lvlJc w:val="left"/>
      <w:pPr>
        <w:tabs>
          <w:tab w:val="num" w:pos="1440"/>
        </w:tabs>
        <w:ind w:left="1440" w:hanging="720"/>
      </w:pPr>
      <w:rPr>
        <w:rFonts w:ascii="Courier New" w:hAnsi="Courier New" w:hint="default"/>
      </w:rPr>
    </w:lvl>
    <w:lvl w:ilvl="2">
      <w:start w:val="1"/>
      <w:numFmt w:val="bullet"/>
      <w:pStyle w:val="tgfDash3"/>
      <w:lvlText w:val="-"/>
      <w:lvlJc w:val="left"/>
      <w:pPr>
        <w:tabs>
          <w:tab w:val="num" w:pos="2160"/>
        </w:tabs>
        <w:ind w:left="2160" w:hanging="720"/>
      </w:pPr>
      <w:rPr>
        <w:rFonts w:ascii="Courier New" w:hAnsi="Courier New" w:hint="default"/>
      </w:rPr>
    </w:lvl>
    <w:lvl w:ilvl="3">
      <w:start w:val="1"/>
      <w:numFmt w:val="bullet"/>
      <w:pStyle w:val="tgfDash4"/>
      <w:lvlText w:val="-"/>
      <w:lvlJc w:val="left"/>
      <w:pPr>
        <w:tabs>
          <w:tab w:val="num" w:pos="2880"/>
        </w:tabs>
        <w:ind w:left="2880" w:hanging="720"/>
      </w:pPr>
      <w:rPr>
        <w:rFonts w:ascii="Courier New" w:hAnsi="Courier New" w:hint="default"/>
      </w:rPr>
    </w:lvl>
    <w:lvl w:ilvl="4">
      <w:start w:val="1"/>
      <w:numFmt w:val="bullet"/>
      <w:lvlText w:val="-"/>
      <w:lvlJc w:val="left"/>
      <w:pPr>
        <w:tabs>
          <w:tab w:val="num" w:pos="1800"/>
        </w:tabs>
        <w:ind w:left="1800" w:hanging="360"/>
      </w:pPr>
      <w:rPr>
        <w:rFonts w:ascii="Courier New" w:hAnsi="Courier New" w:hint="default"/>
      </w:rPr>
    </w:lvl>
    <w:lvl w:ilvl="5">
      <w:start w:val="1"/>
      <w:numFmt w:val="bullet"/>
      <w:lvlText w:val="-"/>
      <w:lvlJc w:val="left"/>
      <w:pPr>
        <w:tabs>
          <w:tab w:val="num" w:pos="2160"/>
        </w:tabs>
        <w:ind w:left="2160" w:hanging="360"/>
      </w:pPr>
      <w:rPr>
        <w:rFonts w:ascii="Courier New" w:hAnsi="Courier New" w:hint="default"/>
      </w:rPr>
    </w:lvl>
    <w:lvl w:ilvl="6">
      <w:start w:val="1"/>
      <w:numFmt w:val="bullet"/>
      <w:lvlText w:val="-"/>
      <w:lvlJc w:val="left"/>
      <w:pPr>
        <w:tabs>
          <w:tab w:val="num" w:pos="2520"/>
        </w:tabs>
        <w:ind w:left="2520" w:hanging="360"/>
      </w:pPr>
      <w:rPr>
        <w:rFonts w:ascii="Courier New" w:hAnsi="Courier New" w:hint="default"/>
      </w:rPr>
    </w:lvl>
    <w:lvl w:ilvl="7">
      <w:start w:val="1"/>
      <w:numFmt w:val="bullet"/>
      <w:lvlText w:val="-"/>
      <w:lvlJc w:val="left"/>
      <w:pPr>
        <w:tabs>
          <w:tab w:val="num" w:pos="2880"/>
        </w:tabs>
        <w:ind w:left="2880" w:hanging="360"/>
      </w:pPr>
      <w:rPr>
        <w:rFonts w:ascii="Courier New" w:hAnsi="Courier New" w:hint="default"/>
      </w:rPr>
    </w:lvl>
    <w:lvl w:ilvl="8">
      <w:start w:val="1"/>
      <w:numFmt w:val="bullet"/>
      <w:lvlText w:val="-"/>
      <w:lvlJc w:val="left"/>
      <w:pPr>
        <w:tabs>
          <w:tab w:val="num" w:pos="3240"/>
        </w:tabs>
        <w:ind w:left="3240" w:hanging="360"/>
      </w:pPr>
      <w:rPr>
        <w:rFonts w:ascii="Courier New" w:hAnsi="Courier New" w:hint="default"/>
      </w:rPr>
    </w:lvl>
  </w:abstractNum>
  <w:abstractNum w:abstractNumId="31">
    <w:nsid w:val="6FE024CC"/>
    <w:multiLevelType w:val="hybridMultilevel"/>
    <w:tmpl w:val="CAF002F2"/>
    <w:lvl w:ilvl="0">
      <w:start w:val="1"/>
      <w:numFmt w:val="decimal"/>
      <w:lvlText w:val="%1."/>
      <w:lvlJc w:val="left"/>
      <w:pPr>
        <w:tabs>
          <w:tab w:val="num" w:pos="720"/>
        </w:tabs>
        <w:ind w:left="720" w:hanging="72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22"/>
  </w:num>
  <w:num w:numId="2">
    <w:abstractNumId w:val="14"/>
  </w:num>
  <w:num w:numId="3">
    <w:abstractNumId w:val="20"/>
  </w:num>
  <w:num w:numId="4">
    <w:abstractNumId w:val="21"/>
  </w:num>
  <w:num w:numId="5">
    <w:abstractNumId w:val="27"/>
  </w:num>
  <w:num w:numId="6">
    <w:abstractNumId w:val="16"/>
  </w:num>
  <w:num w:numId="7">
    <w:abstractNumId w:val="10"/>
  </w:num>
  <w:num w:numId="8">
    <w:abstractNumId w:val="13"/>
  </w:num>
  <w:num w:numId="9">
    <w:abstractNumId w:val="26"/>
  </w:num>
  <w:num w:numId="10">
    <w:abstractNumId w:val="24"/>
  </w:num>
  <w:num w:numId="11">
    <w:abstractNumId w:val="23"/>
  </w:num>
  <w:num w:numId="12">
    <w:abstractNumId w:val="11"/>
  </w:num>
  <w:num w:numId="13">
    <w:abstractNumId w:val="9"/>
  </w:num>
  <w:num w:numId="14">
    <w:abstractNumId w:val="7"/>
  </w:num>
  <w:num w:numId="15">
    <w:abstractNumId w:val="6"/>
  </w:num>
  <w:num w:numId="16">
    <w:abstractNumId w:val="5"/>
  </w:num>
  <w:num w:numId="17">
    <w:abstractNumId w:val="4"/>
  </w:num>
  <w:num w:numId="18">
    <w:abstractNumId w:val="8"/>
  </w:num>
  <w:num w:numId="19">
    <w:abstractNumId w:val="3"/>
  </w:num>
  <w:num w:numId="20">
    <w:abstractNumId w:val="2"/>
  </w:num>
  <w:num w:numId="21">
    <w:abstractNumId w:val="1"/>
  </w:num>
  <w:num w:numId="22">
    <w:abstractNumId w:val="0"/>
  </w:num>
  <w:num w:numId="23">
    <w:abstractNumId w:val="31"/>
  </w:num>
  <w:num w:numId="24">
    <w:abstractNumId w:val="28"/>
  </w:num>
  <w:num w:numId="25">
    <w:abstractNumId w:val="30"/>
  </w:num>
  <w:num w:numId="26">
    <w:abstractNumId w:val="12"/>
  </w:num>
  <w:num w:numId="27">
    <w:abstractNumId w:val="19"/>
  </w:num>
  <w:num w:numId="28">
    <w:abstractNumId w:val="25"/>
  </w:num>
  <w:num w:numId="29">
    <w:abstractNumId w:val="18"/>
  </w:num>
  <w:num w:numId="30">
    <w:abstractNumId w:val="15"/>
  </w:num>
  <w:num w:numId="31">
    <w:abstractNumId w:val="17"/>
  </w:num>
  <w:num w:numId="32">
    <w:abstractNumId w:val="2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removeDateAndTime/>
  <w:stylePaneFormatFilter w:val="7004" w:allStyles="0" w:alternateStyleNames="0" w:clearFormatting="1" w:customStyles="0" w:directFormattingOnNumbering="0" w:directFormattingOnParagraphs="0" w:directFormattingOnRuns="0" w:directFormattingOnTables="0" w:headingStyles="0" w:latentStyles="1" w:numberingStyles="0" w:stylesInUse="0" w:tableStyles="0" w:top3HeadingStyles="1" w:visibleStyles="1"/>
  <w:defaultTabStop w:val="720"/>
  <w:characterSpacingControl w:val="doNotCompress"/>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40F39"/>
    <w:rsid w:val="00004B80"/>
    <w:rsid w:val="0000703D"/>
    <w:rsid w:val="00010049"/>
    <w:rsid w:val="000104C0"/>
    <w:rsid w:val="000110C0"/>
    <w:rsid w:val="00011862"/>
    <w:rsid w:val="00017495"/>
    <w:rsid w:val="0002377F"/>
    <w:rsid w:val="00030AA7"/>
    <w:rsid w:val="0004200C"/>
    <w:rsid w:val="00053C0B"/>
    <w:rsid w:val="000547A8"/>
    <w:rsid w:val="0006502A"/>
    <w:rsid w:val="00065BDB"/>
    <w:rsid w:val="0006751C"/>
    <w:rsid w:val="00077AF1"/>
    <w:rsid w:val="00080684"/>
    <w:rsid w:val="00085E45"/>
    <w:rsid w:val="000870E4"/>
    <w:rsid w:val="00092E55"/>
    <w:rsid w:val="0009494E"/>
    <w:rsid w:val="00094FD9"/>
    <w:rsid w:val="000A104B"/>
    <w:rsid w:val="000A20B6"/>
    <w:rsid w:val="000A404E"/>
    <w:rsid w:val="000B00B2"/>
    <w:rsid w:val="000B16AB"/>
    <w:rsid w:val="000B46AB"/>
    <w:rsid w:val="000B698E"/>
    <w:rsid w:val="000C02A7"/>
    <w:rsid w:val="000C0596"/>
    <w:rsid w:val="000C4001"/>
    <w:rsid w:val="000C6768"/>
    <w:rsid w:val="000C701E"/>
    <w:rsid w:val="000D2532"/>
    <w:rsid w:val="000D278E"/>
    <w:rsid w:val="000D3363"/>
    <w:rsid w:val="000D57AF"/>
    <w:rsid w:val="000E71C9"/>
    <w:rsid w:val="000F516A"/>
    <w:rsid w:val="000F65AA"/>
    <w:rsid w:val="000F70A8"/>
    <w:rsid w:val="000F7F65"/>
    <w:rsid w:val="00101536"/>
    <w:rsid w:val="00101F23"/>
    <w:rsid w:val="00104570"/>
    <w:rsid w:val="00111D34"/>
    <w:rsid w:val="0011665B"/>
    <w:rsid w:val="001241F0"/>
    <w:rsid w:val="00132266"/>
    <w:rsid w:val="00133AB9"/>
    <w:rsid w:val="0013699F"/>
    <w:rsid w:val="001373E3"/>
    <w:rsid w:val="001434A8"/>
    <w:rsid w:val="00153066"/>
    <w:rsid w:val="00160C06"/>
    <w:rsid w:val="001736B3"/>
    <w:rsid w:val="0017589A"/>
    <w:rsid w:val="001769CE"/>
    <w:rsid w:val="0018172E"/>
    <w:rsid w:val="00182B6B"/>
    <w:rsid w:val="001917E9"/>
    <w:rsid w:val="001946D8"/>
    <w:rsid w:val="00196FBA"/>
    <w:rsid w:val="001A5988"/>
    <w:rsid w:val="001B1761"/>
    <w:rsid w:val="001B2E91"/>
    <w:rsid w:val="001C3DE1"/>
    <w:rsid w:val="001C595E"/>
    <w:rsid w:val="001C7551"/>
    <w:rsid w:val="001D277D"/>
    <w:rsid w:val="001E13B2"/>
    <w:rsid w:val="001F0F39"/>
    <w:rsid w:val="002066E0"/>
    <w:rsid w:val="0020685F"/>
    <w:rsid w:val="00207B5C"/>
    <w:rsid w:val="002108CD"/>
    <w:rsid w:val="00212B99"/>
    <w:rsid w:val="00213B90"/>
    <w:rsid w:val="00214729"/>
    <w:rsid w:val="00221CAF"/>
    <w:rsid w:val="0022508D"/>
    <w:rsid w:val="0023621E"/>
    <w:rsid w:val="00237960"/>
    <w:rsid w:val="00237C83"/>
    <w:rsid w:val="00241761"/>
    <w:rsid w:val="00244A19"/>
    <w:rsid w:val="00257DA7"/>
    <w:rsid w:val="0026147C"/>
    <w:rsid w:val="00263D47"/>
    <w:rsid w:val="00274ED8"/>
    <w:rsid w:val="00276F47"/>
    <w:rsid w:val="00281509"/>
    <w:rsid w:val="002821EB"/>
    <w:rsid w:val="002825D0"/>
    <w:rsid w:val="0028525B"/>
    <w:rsid w:val="002932A9"/>
    <w:rsid w:val="0029538E"/>
    <w:rsid w:val="002A0F8F"/>
    <w:rsid w:val="002B156D"/>
    <w:rsid w:val="002B450D"/>
    <w:rsid w:val="002C1BC7"/>
    <w:rsid w:val="002C3C0E"/>
    <w:rsid w:val="002E1966"/>
    <w:rsid w:val="002E3FF9"/>
    <w:rsid w:val="002E7E21"/>
    <w:rsid w:val="002F03F4"/>
    <w:rsid w:val="002F1B13"/>
    <w:rsid w:val="002F24D3"/>
    <w:rsid w:val="002F2DA8"/>
    <w:rsid w:val="002F5094"/>
    <w:rsid w:val="00300643"/>
    <w:rsid w:val="00306D4E"/>
    <w:rsid w:val="003071BD"/>
    <w:rsid w:val="003079F7"/>
    <w:rsid w:val="003113F9"/>
    <w:rsid w:val="00312504"/>
    <w:rsid w:val="00316B89"/>
    <w:rsid w:val="00336BE7"/>
    <w:rsid w:val="00345178"/>
    <w:rsid w:val="00346ECE"/>
    <w:rsid w:val="00350FEC"/>
    <w:rsid w:val="0035476D"/>
    <w:rsid w:val="0036504F"/>
    <w:rsid w:val="003651B2"/>
    <w:rsid w:val="00371670"/>
    <w:rsid w:val="00374EC5"/>
    <w:rsid w:val="00377BEB"/>
    <w:rsid w:val="0038098D"/>
    <w:rsid w:val="003813C8"/>
    <w:rsid w:val="00387D2C"/>
    <w:rsid w:val="003905AA"/>
    <w:rsid w:val="003906DC"/>
    <w:rsid w:val="00397DDB"/>
    <w:rsid w:val="003A064F"/>
    <w:rsid w:val="003A24FE"/>
    <w:rsid w:val="003D126D"/>
    <w:rsid w:val="003D1C7F"/>
    <w:rsid w:val="003D581F"/>
    <w:rsid w:val="003D77D6"/>
    <w:rsid w:val="003D78A2"/>
    <w:rsid w:val="003D7A2B"/>
    <w:rsid w:val="003E4806"/>
    <w:rsid w:val="003E550F"/>
    <w:rsid w:val="003E7F6B"/>
    <w:rsid w:val="003F25C1"/>
    <w:rsid w:val="003F3D20"/>
    <w:rsid w:val="003F530F"/>
    <w:rsid w:val="0040095E"/>
    <w:rsid w:val="00410926"/>
    <w:rsid w:val="00411FE6"/>
    <w:rsid w:val="004205C2"/>
    <w:rsid w:val="00425E6B"/>
    <w:rsid w:val="004263A6"/>
    <w:rsid w:val="00426CE8"/>
    <w:rsid w:val="00431977"/>
    <w:rsid w:val="00431DFE"/>
    <w:rsid w:val="004346AE"/>
    <w:rsid w:val="00434ADF"/>
    <w:rsid w:val="00436CE6"/>
    <w:rsid w:val="00445147"/>
    <w:rsid w:val="004500BB"/>
    <w:rsid w:val="00456923"/>
    <w:rsid w:val="00457365"/>
    <w:rsid w:val="00457887"/>
    <w:rsid w:val="00460C9A"/>
    <w:rsid w:val="00464ABB"/>
    <w:rsid w:val="004652FB"/>
    <w:rsid w:val="004712FC"/>
    <w:rsid w:val="0047133C"/>
    <w:rsid w:val="00475F7A"/>
    <w:rsid w:val="004803DD"/>
    <w:rsid w:val="00493353"/>
    <w:rsid w:val="004A19DC"/>
    <w:rsid w:val="004A1B96"/>
    <w:rsid w:val="004A591C"/>
    <w:rsid w:val="004C1D0C"/>
    <w:rsid w:val="004C53EB"/>
    <w:rsid w:val="004D15DB"/>
    <w:rsid w:val="004D4526"/>
    <w:rsid w:val="004E3026"/>
    <w:rsid w:val="004E37A8"/>
    <w:rsid w:val="004E3F70"/>
    <w:rsid w:val="004F18AE"/>
    <w:rsid w:val="004F4388"/>
    <w:rsid w:val="004F5EFB"/>
    <w:rsid w:val="00502EE9"/>
    <w:rsid w:val="00506E22"/>
    <w:rsid w:val="00513F80"/>
    <w:rsid w:val="00514C8E"/>
    <w:rsid w:val="00522226"/>
    <w:rsid w:val="00522DEB"/>
    <w:rsid w:val="0053228D"/>
    <w:rsid w:val="00546396"/>
    <w:rsid w:val="005468E9"/>
    <w:rsid w:val="00547E54"/>
    <w:rsid w:val="005551FA"/>
    <w:rsid w:val="00557737"/>
    <w:rsid w:val="00565945"/>
    <w:rsid w:val="00571E13"/>
    <w:rsid w:val="0058043C"/>
    <w:rsid w:val="00582B45"/>
    <w:rsid w:val="00587A51"/>
    <w:rsid w:val="00591AB8"/>
    <w:rsid w:val="005A40F9"/>
    <w:rsid w:val="005A62E6"/>
    <w:rsid w:val="005B7915"/>
    <w:rsid w:val="005C0001"/>
    <w:rsid w:val="005C3320"/>
    <w:rsid w:val="005D5F22"/>
    <w:rsid w:val="005D76F5"/>
    <w:rsid w:val="005E06E4"/>
    <w:rsid w:val="005F49BE"/>
    <w:rsid w:val="0060202A"/>
    <w:rsid w:val="006138BB"/>
    <w:rsid w:val="0061760E"/>
    <w:rsid w:val="00621A5B"/>
    <w:rsid w:val="00622835"/>
    <w:rsid w:val="00622B87"/>
    <w:rsid w:val="00626DD1"/>
    <w:rsid w:val="00630BFC"/>
    <w:rsid w:val="00632993"/>
    <w:rsid w:val="0063469A"/>
    <w:rsid w:val="00642682"/>
    <w:rsid w:val="00642A29"/>
    <w:rsid w:val="00663BD5"/>
    <w:rsid w:val="00664213"/>
    <w:rsid w:val="00673A79"/>
    <w:rsid w:val="00674DBE"/>
    <w:rsid w:val="00677E6E"/>
    <w:rsid w:val="00680B6E"/>
    <w:rsid w:val="00687518"/>
    <w:rsid w:val="00695047"/>
    <w:rsid w:val="006A09FA"/>
    <w:rsid w:val="006A3695"/>
    <w:rsid w:val="006A4348"/>
    <w:rsid w:val="006B5461"/>
    <w:rsid w:val="006B6037"/>
    <w:rsid w:val="006C0DEF"/>
    <w:rsid w:val="006C2EDE"/>
    <w:rsid w:val="006D6DA9"/>
    <w:rsid w:val="006E0917"/>
    <w:rsid w:val="006E6E8E"/>
    <w:rsid w:val="006F25F2"/>
    <w:rsid w:val="006F3AE2"/>
    <w:rsid w:val="006F509B"/>
    <w:rsid w:val="00703EAC"/>
    <w:rsid w:val="00705BEC"/>
    <w:rsid w:val="007071A3"/>
    <w:rsid w:val="00716024"/>
    <w:rsid w:val="00720A59"/>
    <w:rsid w:val="00721CED"/>
    <w:rsid w:val="00722381"/>
    <w:rsid w:val="00730C3A"/>
    <w:rsid w:val="00733104"/>
    <w:rsid w:val="00733F02"/>
    <w:rsid w:val="00733F43"/>
    <w:rsid w:val="007341DE"/>
    <w:rsid w:val="00743609"/>
    <w:rsid w:val="00744541"/>
    <w:rsid w:val="00746073"/>
    <w:rsid w:val="00755A23"/>
    <w:rsid w:val="007634E1"/>
    <w:rsid w:val="00767032"/>
    <w:rsid w:val="0077270D"/>
    <w:rsid w:val="00772860"/>
    <w:rsid w:val="00787916"/>
    <w:rsid w:val="00790AEC"/>
    <w:rsid w:val="00792BA4"/>
    <w:rsid w:val="00794D3A"/>
    <w:rsid w:val="007A227A"/>
    <w:rsid w:val="007A2E75"/>
    <w:rsid w:val="007A320A"/>
    <w:rsid w:val="007A38C8"/>
    <w:rsid w:val="007B749B"/>
    <w:rsid w:val="007C3C49"/>
    <w:rsid w:val="007D3388"/>
    <w:rsid w:val="007D604C"/>
    <w:rsid w:val="007D60BE"/>
    <w:rsid w:val="007D7D27"/>
    <w:rsid w:val="007E0EAD"/>
    <w:rsid w:val="007E1137"/>
    <w:rsid w:val="007E196E"/>
    <w:rsid w:val="00805FA1"/>
    <w:rsid w:val="00814247"/>
    <w:rsid w:val="00823132"/>
    <w:rsid w:val="0082328E"/>
    <w:rsid w:val="00826BA4"/>
    <w:rsid w:val="00835DB7"/>
    <w:rsid w:val="00836650"/>
    <w:rsid w:val="00836D55"/>
    <w:rsid w:val="00836E0B"/>
    <w:rsid w:val="00840D23"/>
    <w:rsid w:val="00851551"/>
    <w:rsid w:val="00854332"/>
    <w:rsid w:val="00855DBF"/>
    <w:rsid w:val="00860961"/>
    <w:rsid w:val="00874B39"/>
    <w:rsid w:val="008766DA"/>
    <w:rsid w:val="0088758F"/>
    <w:rsid w:val="00890777"/>
    <w:rsid w:val="00893300"/>
    <w:rsid w:val="00894468"/>
    <w:rsid w:val="008963EA"/>
    <w:rsid w:val="00897D49"/>
    <w:rsid w:val="008A26DD"/>
    <w:rsid w:val="008A3E81"/>
    <w:rsid w:val="008B0C9A"/>
    <w:rsid w:val="008B12CD"/>
    <w:rsid w:val="008B2683"/>
    <w:rsid w:val="008B4348"/>
    <w:rsid w:val="008C4406"/>
    <w:rsid w:val="008C66C4"/>
    <w:rsid w:val="008D4D15"/>
    <w:rsid w:val="008D672B"/>
    <w:rsid w:val="008D7049"/>
    <w:rsid w:val="008E4335"/>
    <w:rsid w:val="008E4DF8"/>
    <w:rsid w:val="008F6C7D"/>
    <w:rsid w:val="008F7843"/>
    <w:rsid w:val="008F7978"/>
    <w:rsid w:val="009029CB"/>
    <w:rsid w:val="00911D36"/>
    <w:rsid w:val="009131F9"/>
    <w:rsid w:val="00913AFE"/>
    <w:rsid w:val="009204F5"/>
    <w:rsid w:val="00921EAB"/>
    <w:rsid w:val="0092361F"/>
    <w:rsid w:val="00924508"/>
    <w:rsid w:val="00930376"/>
    <w:rsid w:val="009332CC"/>
    <w:rsid w:val="00934153"/>
    <w:rsid w:val="0094008C"/>
    <w:rsid w:val="00940104"/>
    <w:rsid w:val="00941278"/>
    <w:rsid w:val="00941926"/>
    <w:rsid w:val="009419AD"/>
    <w:rsid w:val="00946D23"/>
    <w:rsid w:val="0095168A"/>
    <w:rsid w:val="00960734"/>
    <w:rsid w:val="00961AA6"/>
    <w:rsid w:val="00962DC3"/>
    <w:rsid w:val="0096396D"/>
    <w:rsid w:val="00970B77"/>
    <w:rsid w:val="00971DBA"/>
    <w:rsid w:val="00972CA6"/>
    <w:rsid w:val="00972DB9"/>
    <w:rsid w:val="0097491B"/>
    <w:rsid w:val="0097517D"/>
    <w:rsid w:val="00975FD1"/>
    <w:rsid w:val="009801B8"/>
    <w:rsid w:val="00980D9C"/>
    <w:rsid w:val="00986E57"/>
    <w:rsid w:val="009907BF"/>
    <w:rsid w:val="0099521B"/>
    <w:rsid w:val="00997C93"/>
    <w:rsid w:val="00997F53"/>
    <w:rsid w:val="009A2674"/>
    <w:rsid w:val="009B15BB"/>
    <w:rsid w:val="009B34C2"/>
    <w:rsid w:val="009B4D00"/>
    <w:rsid w:val="009B7DCC"/>
    <w:rsid w:val="009C3903"/>
    <w:rsid w:val="009C7334"/>
    <w:rsid w:val="009D2BD9"/>
    <w:rsid w:val="009D4D31"/>
    <w:rsid w:val="009E2D22"/>
    <w:rsid w:val="009E3EDA"/>
    <w:rsid w:val="009E40C3"/>
    <w:rsid w:val="009E45B9"/>
    <w:rsid w:val="009E4E80"/>
    <w:rsid w:val="00A00A77"/>
    <w:rsid w:val="00A053B2"/>
    <w:rsid w:val="00A07DED"/>
    <w:rsid w:val="00A1033D"/>
    <w:rsid w:val="00A13E81"/>
    <w:rsid w:val="00A21F2F"/>
    <w:rsid w:val="00A24B80"/>
    <w:rsid w:val="00A274C3"/>
    <w:rsid w:val="00A301FA"/>
    <w:rsid w:val="00A30443"/>
    <w:rsid w:val="00A3209D"/>
    <w:rsid w:val="00A3340F"/>
    <w:rsid w:val="00A35A66"/>
    <w:rsid w:val="00A41BF1"/>
    <w:rsid w:val="00A41F4D"/>
    <w:rsid w:val="00A455E5"/>
    <w:rsid w:val="00A5038A"/>
    <w:rsid w:val="00A51EAB"/>
    <w:rsid w:val="00A74326"/>
    <w:rsid w:val="00A76ADA"/>
    <w:rsid w:val="00A84443"/>
    <w:rsid w:val="00A84B9D"/>
    <w:rsid w:val="00A95B26"/>
    <w:rsid w:val="00AA22D8"/>
    <w:rsid w:val="00AA28FF"/>
    <w:rsid w:val="00AA3C95"/>
    <w:rsid w:val="00AA56BA"/>
    <w:rsid w:val="00AA65F3"/>
    <w:rsid w:val="00AB06EB"/>
    <w:rsid w:val="00AB0FB9"/>
    <w:rsid w:val="00AC4043"/>
    <w:rsid w:val="00AC4FD2"/>
    <w:rsid w:val="00AC692C"/>
    <w:rsid w:val="00AD3663"/>
    <w:rsid w:val="00AE08B6"/>
    <w:rsid w:val="00AE266F"/>
    <w:rsid w:val="00AF29C7"/>
    <w:rsid w:val="00AF3275"/>
    <w:rsid w:val="00AF3477"/>
    <w:rsid w:val="00AF6471"/>
    <w:rsid w:val="00B02DB5"/>
    <w:rsid w:val="00B05281"/>
    <w:rsid w:val="00B11ABB"/>
    <w:rsid w:val="00B27B40"/>
    <w:rsid w:val="00B32124"/>
    <w:rsid w:val="00B43ACB"/>
    <w:rsid w:val="00B4546E"/>
    <w:rsid w:val="00B457E4"/>
    <w:rsid w:val="00B51D6F"/>
    <w:rsid w:val="00B5219B"/>
    <w:rsid w:val="00B54D13"/>
    <w:rsid w:val="00B54DC4"/>
    <w:rsid w:val="00B62D9B"/>
    <w:rsid w:val="00B66E7E"/>
    <w:rsid w:val="00B67F90"/>
    <w:rsid w:val="00B70F7A"/>
    <w:rsid w:val="00B74F33"/>
    <w:rsid w:val="00B8089D"/>
    <w:rsid w:val="00B81F62"/>
    <w:rsid w:val="00B92113"/>
    <w:rsid w:val="00B93772"/>
    <w:rsid w:val="00BA2275"/>
    <w:rsid w:val="00BA35EF"/>
    <w:rsid w:val="00BA4A8C"/>
    <w:rsid w:val="00BA5B13"/>
    <w:rsid w:val="00BA7A25"/>
    <w:rsid w:val="00BB2C8C"/>
    <w:rsid w:val="00BB631A"/>
    <w:rsid w:val="00BC1C73"/>
    <w:rsid w:val="00BC405E"/>
    <w:rsid w:val="00BC6EB3"/>
    <w:rsid w:val="00BE111C"/>
    <w:rsid w:val="00BE3BC7"/>
    <w:rsid w:val="00BE41FA"/>
    <w:rsid w:val="00BE5666"/>
    <w:rsid w:val="00BF1918"/>
    <w:rsid w:val="00BF2EDD"/>
    <w:rsid w:val="00BF3281"/>
    <w:rsid w:val="00C06631"/>
    <w:rsid w:val="00C116EE"/>
    <w:rsid w:val="00C14659"/>
    <w:rsid w:val="00C158BB"/>
    <w:rsid w:val="00C26B0D"/>
    <w:rsid w:val="00C348F2"/>
    <w:rsid w:val="00C35566"/>
    <w:rsid w:val="00C37FB1"/>
    <w:rsid w:val="00C40F39"/>
    <w:rsid w:val="00C41457"/>
    <w:rsid w:val="00C41C6C"/>
    <w:rsid w:val="00C42BF7"/>
    <w:rsid w:val="00C450FF"/>
    <w:rsid w:val="00C51065"/>
    <w:rsid w:val="00C52042"/>
    <w:rsid w:val="00C6245D"/>
    <w:rsid w:val="00C707BC"/>
    <w:rsid w:val="00C715E6"/>
    <w:rsid w:val="00C71A9A"/>
    <w:rsid w:val="00C74C43"/>
    <w:rsid w:val="00C75E52"/>
    <w:rsid w:val="00C81CFD"/>
    <w:rsid w:val="00C849BD"/>
    <w:rsid w:val="00C853F4"/>
    <w:rsid w:val="00C857A4"/>
    <w:rsid w:val="00C86DAC"/>
    <w:rsid w:val="00C8789F"/>
    <w:rsid w:val="00CA0F11"/>
    <w:rsid w:val="00CA2CF0"/>
    <w:rsid w:val="00CC094B"/>
    <w:rsid w:val="00CC622E"/>
    <w:rsid w:val="00CC7708"/>
    <w:rsid w:val="00CD5863"/>
    <w:rsid w:val="00CD623E"/>
    <w:rsid w:val="00CD6CB1"/>
    <w:rsid w:val="00CD6FD9"/>
    <w:rsid w:val="00CE11A2"/>
    <w:rsid w:val="00CE2C13"/>
    <w:rsid w:val="00CE4599"/>
    <w:rsid w:val="00CE71A9"/>
    <w:rsid w:val="00CF1753"/>
    <w:rsid w:val="00CF4C78"/>
    <w:rsid w:val="00CF5E18"/>
    <w:rsid w:val="00D034B9"/>
    <w:rsid w:val="00D04C88"/>
    <w:rsid w:val="00D04DAC"/>
    <w:rsid w:val="00D066BA"/>
    <w:rsid w:val="00D11A8E"/>
    <w:rsid w:val="00D11F16"/>
    <w:rsid w:val="00D142A1"/>
    <w:rsid w:val="00D203FE"/>
    <w:rsid w:val="00D20BF8"/>
    <w:rsid w:val="00D23698"/>
    <w:rsid w:val="00D257DE"/>
    <w:rsid w:val="00D264A4"/>
    <w:rsid w:val="00D27FB3"/>
    <w:rsid w:val="00D31BB7"/>
    <w:rsid w:val="00D33163"/>
    <w:rsid w:val="00D33509"/>
    <w:rsid w:val="00D33917"/>
    <w:rsid w:val="00D358B5"/>
    <w:rsid w:val="00D46FD6"/>
    <w:rsid w:val="00D46FF5"/>
    <w:rsid w:val="00D50A58"/>
    <w:rsid w:val="00D57F25"/>
    <w:rsid w:val="00D65440"/>
    <w:rsid w:val="00D65B42"/>
    <w:rsid w:val="00D72933"/>
    <w:rsid w:val="00D73EAE"/>
    <w:rsid w:val="00D75700"/>
    <w:rsid w:val="00D804F2"/>
    <w:rsid w:val="00D83FE6"/>
    <w:rsid w:val="00D84ACA"/>
    <w:rsid w:val="00D84B54"/>
    <w:rsid w:val="00D87BDD"/>
    <w:rsid w:val="00D91EAE"/>
    <w:rsid w:val="00D94DD8"/>
    <w:rsid w:val="00D94FC2"/>
    <w:rsid w:val="00DA1E28"/>
    <w:rsid w:val="00DB070E"/>
    <w:rsid w:val="00DC0084"/>
    <w:rsid w:val="00DC04E8"/>
    <w:rsid w:val="00DC0B9E"/>
    <w:rsid w:val="00DC3E6C"/>
    <w:rsid w:val="00DC4C86"/>
    <w:rsid w:val="00DC7D7F"/>
    <w:rsid w:val="00DD0B7B"/>
    <w:rsid w:val="00DD2089"/>
    <w:rsid w:val="00DD4386"/>
    <w:rsid w:val="00DD4973"/>
    <w:rsid w:val="00DE66B8"/>
    <w:rsid w:val="00DF2DA6"/>
    <w:rsid w:val="00DF3B0A"/>
    <w:rsid w:val="00DF48DF"/>
    <w:rsid w:val="00E02C95"/>
    <w:rsid w:val="00E02CED"/>
    <w:rsid w:val="00E14E61"/>
    <w:rsid w:val="00E1500C"/>
    <w:rsid w:val="00E16547"/>
    <w:rsid w:val="00E24AEA"/>
    <w:rsid w:val="00E32354"/>
    <w:rsid w:val="00E47C37"/>
    <w:rsid w:val="00E50354"/>
    <w:rsid w:val="00E51D26"/>
    <w:rsid w:val="00E574A4"/>
    <w:rsid w:val="00E578C6"/>
    <w:rsid w:val="00E612A4"/>
    <w:rsid w:val="00E613A5"/>
    <w:rsid w:val="00E700C6"/>
    <w:rsid w:val="00E74023"/>
    <w:rsid w:val="00E741D8"/>
    <w:rsid w:val="00E7599C"/>
    <w:rsid w:val="00E76BE8"/>
    <w:rsid w:val="00E77ED6"/>
    <w:rsid w:val="00E808EE"/>
    <w:rsid w:val="00E964C0"/>
    <w:rsid w:val="00EA39C0"/>
    <w:rsid w:val="00EA6B6C"/>
    <w:rsid w:val="00EA72F7"/>
    <w:rsid w:val="00EB3617"/>
    <w:rsid w:val="00EB408C"/>
    <w:rsid w:val="00EC66A8"/>
    <w:rsid w:val="00ED0680"/>
    <w:rsid w:val="00ED0DB0"/>
    <w:rsid w:val="00ED11E5"/>
    <w:rsid w:val="00ED1D6C"/>
    <w:rsid w:val="00EE05AC"/>
    <w:rsid w:val="00EE354F"/>
    <w:rsid w:val="00EE4099"/>
    <w:rsid w:val="00EE57C9"/>
    <w:rsid w:val="00EE61C2"/>
    <w:rsid w:val="00EE6463"/>
    <w:rsid w:val="00EF0501"/>
    <w:rsid w:val="00EF4559"/>
    <w:rsid w:val="00EF4835"/>
    <w:rsid w:val="00EF6385"/>
    <w:rsid w:val="00EF67E3"/>
    <w:rsid w:val="00F00532"/>
    <w:rsid w:val="00F07882"/>
    <w:rsid w:val="00F101A2"/>
    <w:rsid w:val="00F108EF"/>
    <w:rsid w:val="00F175C4"/>
    <w:rsid w:val="00F200F2"/>
    <w:rsid w:val="00F324D0"/>
    <w:rsid w:val="00F33518"/>
    <w:rsid w:val="00F373D6"/>
    <w:rsid w:val="00F40D96"/>
    <w:rsid w:val="00F428A6"/>
    <w:rsid w:val="00F43749"/>
    <w:rsid w:val="00F47070"/>
    <w:rsid w:val="00F47B46"/>
    <w:rsid w:val="00F47C82"/>
    <w:rsid w:val="00F50DFA"/>
    <w:rsid w:val="00F51154"/>
    <w:rsid w:val="00F6235A"/>
    <w:rsid w:val="00F64AD6"/>
    <w:rsid w:val="00F70C25"/>
    <w:rsid w:val="00F72CA1"/>
    <w:rsid w:val="00F803ED"/>
    <w:rsid w:val="00F80479"/>
    <w:rsid w:val="00F80843"/>
    <w:rsid w:val="00F835A7"/>
    <w:rsid w:val="00F90047"/>
    <w:rsid w:val="00F9250F"/>
    <w:rsid w:val="00F9408C"/>
    <w:rsid w:val="00F9472A"/>
    <w:rsid w:val="00F961C9"/>
    <w:rsid w:val="00FA5918"/>
    <w:rsid w:val="00FA73B1"/>
    <w:rsid w:val="00FB47E3"/>
    <w:rsid w:val="00FB7B98"/>
    <w:rsid w:val="00FC29A3"/>
    <w:rsid w:val="00FC2BB9"/>
    <w:rsid w:val="00FC2CFC"/>
    <w:rsid w:val="00FC314C"/>
    <w:rsid w:val="00FD0F13"/>
    <w:rsid w:val="00FF34FF"/>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unhideWhenUsed="1"/>
    <w:lsdException w:name="Body Text First Indent" w:semiHidden="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semiHidden="1" w:unhideWhenUsed="1" w:qFormat="1"/>
    <w:lsdException w:name="Emphasis" w:semiHidden="1"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AF57CC"/>
    <w:pPr>
      <w:spacing w:after="240"/>
      <w:jc w:val="both"/>
    </w:pPr>
    <w:rPr>
      <w:sz w:val="24"/>
      <w:szCs w:val="24"/>
      <w:lang w:val="en-CA"/>
    </w:rPr>
  </w:style>
  <w:style w:type="paragraph" w:styleId="Heading1">
    <w:name w:val="heading 1"/>
    <w:basedOn w:val="Normal"/>
    <w:next w:val="Normal"/>
    <w:semiHidden/>
    <w:qFormat/>
    <w:rsid w:val="00B36C8B"/>
    <w:pPr>
      <w:keepNext/>
      <w:numPr>
        <w:numId w:val="28"/>
      </w:numPr>
      <w:spacing w:before="240" w:after="60"/>
      <w:outlineLvl w:val="0"/>
    </w:pPr>
    <w:rPr>
      <w:rFonts w:cs="Arial"/>
      <w:b/>
      <w:bCs/>
      <w:kern w:val="32"/>
      <w:sz w:val="32"/>
      <w:szCs w:val="32"/>
    </w:rPr>
  </w:style>
  <w:style w:type="paragraph" w:styleId="Heading2">
    <w:name w:val="heading 2"/>
    <w:basedOn w:val="Normal"/>
    <w:next w:val="Normal"/>
    <w:semiHidden/>
    <w:qFormat/>
    <w:rsid w:val="00B36C8B"/>
    <w:pPr>
      <w:keepNext/>
      <w:numPr>
        <w:ilvl w:val="1"/>
        <w:numId w:val="28"/>
      </w:numPr>
      <w:spacing w:before="240" w:after="60"/>
      <w:outlineLvl w:val="1"/>
    </w:pPr>
    <w:rPr>
      <w:rFonts w:cs="Arial"/>
      <w:b/>
      <w:bCs/>
      <w:i/>
      <w:iCs/>
      <w:sz w:val="28"/>
      <w:szCs w:val="28"/>
    </w:rPr>
  </w:style>
  <w:style w:type="paragraph" w:styleId="Heading3">
    <w:name w:val="heading 3"/>
    <w:basedOn w:val="Normal"/>
    <w:next w:val="Normal"/>
    <w:semiHidden/>
    <w:qFormat/>
    <w:rsid w:val="00B36C8B"/>
    <w:pPr>
      <w:keepNext/>
      <w:numPr>
        <w:ilvl w:val="2"/>
        <w:numId w:val="28"/>
      </w:numPr>
      <w:spacing w:before="240" w:after="60"/>
      <w:outlineLvl w:val="2"/>
    </w:pPr>
    <w:rPr>
      <w:rFonts w:cs="Arial"/>
      <w:b/>
      <w:bCs/>
      <w:sz w:val="26"/>
      <w:szCs w:val="26"/>
    </w:rPr>
  </w:style>
  <w:style w:type="paragraph" w:styleId="Heading4">
    <w:name w:val="heading 4"/>
    <w:basedOn w:val="Normal"/>
    <w:next w:val="Normal"/>
    <w:link w:val="Heading4Char"/>
    <w:semiHidden/>
    <w:unhideWhenUsed/>
    <w:qFormat/>
    <w:rsid w:val="00EC73E1"/>
    <w:pPr>
      <w:keepNext/>
      <w:numPr>
        <w:ilvl w:val="3"/>
        <w:numId w:val="28"/>
      </w:numPr>
      <w:spacing w:before="240" w:after="60"/>
      <w:outlineLvl w:val="3"/>
    </w:pPr>
    <w:rPr>
      <w:rFonts w:ascii="Calibri" w:hAnsi="Calibri"/>
      <w:b/>
      <w:bCs/>
      <w:sz w:val="28"/>
      <w:szCs w:val="28"/>
    </w:rPr>
  </w:style>
  <w:style w:type="paragraph" w:styleId="Heading5">
    <w:name w:val="heading 5"/>
    <w:basedOn w:val="Normal"/>
    <w:next w:val="Normal"/>
    <w:link w:val="Heading5Char"/>
    <w:semiHidden/>
    <w:unhideWhenUsed/>
    <w:qFormat/>
    <w:rsid w:val="00EC73E1"/>
    <w:pPr>
      <w:numPr>
        <w:ilvl w:val="4"/>
        <w:numId w:val="28"/>
      </w:numPr>
      <w:spacing w:before="240" w:after="60"/>
      <w:outlineLvl w:val="4"/>
    </w:pPr>
    <w:rPr>
      <w:rFonts w:ascii="Calibri" w:hAnsi="Calibri"/>
      <w:b/>
      <w:bCs/>
      <w:i/>
      <w:iCs/>
      <w:sz w:val="26"/>
      <w:szCs w:val="26"/>
    </w:rPr>
  </w:style>
  <w:style w:type="paragraph" w:styleId="Heading6">
    <w:name w:val="heading 6"/>
    <w:basedOn w:val="Normal"/>
    <w:next w:val="Normal"/>
    <w:link w:val="Heading6Char"/>
    <w:semiHidden/>
    <w:unhideWhenUsed/>
    <w:qFormat/>
    <w:rsid w:val="00EC73E1"/>
    <w:pPr>
      <w:numPr>
        <w:ilvl w:val="5"/>
        <w:numId w:val="28"/>
      </w:numPr>
      <w:spacing w:before="240" w:after="60"/>
      <w:outlineLvl w:val="5"/>
    </w:pPr>
    <w:rPr>
      <w:rFonts w:ascii="Calibri" w:hAnsi="Calibri"/>
      <w:b/>
      <w:bCs/>
      <w:sz w:val="22"/>
      <w:szCs w:val="22"/>
    </w:rPr>
  </w:style>
  <w:style w:type="paragraph" w:styleId="Heading7">
    <w:name w:val="heading 7"/>
    <w:basedOn w:val="Normal"/>
    <w:next w:val="Normal"/>
    <w:link w:val="Heading7Char"/>
    <w:semiHidden/>
    <w:unhideWhenUsed/>
    <w:qFormat/>
    <w:rsid w:val="00EC73E1"/>
    <w:pPr>
      <w:numPr>
        <w:ilvl w:val="6"/>
        <w:numId w:val="28"/>
      </w:numPr>
      <w:spacing w:before="240" w:after="60"/>
      <w:outlineLvl w:val="6"/>
    </w:pPr>
    <w:rPr>
      <w:rFonts w:ascii="Calibri" w:hAnsi="Calibri"/>
    </w:rPr>
  </w:style>
  <w:style w:type="paragraph" w:styleId="Heading8">
    <w:name w:val="heading 8"/>
    <w:basedOn w:val="Normal"/>
    <w:next w:val="Normal"/>
    <w:link w:val="Heading8Char"/>
    <w:semiHidden/>
    <w:unhideWhenUsed/>
    <w:qFormat/>
    <w:rsid w:val="00EC73E1"/>
    <w:pPr>
      <w:numPr>
        <w:ilvl w:val="7"/>
        <w:numId w:val="28"/>
      </w:numPr>
      <w:spacing w:before="240" w:after="60"/>
      <w:outlineLvl w:val="7"/>
    </w:pPr>
    <w:rPr>
      <w:rFonts w:ascii="Calibri" w:hAnsi="Calibri"/>
      <w:i/>
      <w:iCs/>
    </w:rPr>
  </w:style>
  <w:style w:type="paragraph" w:styleId="Heading9">
    <w:name w:val="heading 9"/>
    <w:basedOn w:val="Normal"/>
    <w:next w:val="Normal"/>
    <w:link w:val="Heading9Char"/>
    <w:semiHidden/>
    <w:unhideWhenUsed/>
    <w:qFormat/>
    <w:rsid w:val="00EC73E1"/>
    <w:pPr>
      <w:numPr>
        <w:ilvl w:val="8"/>
        <w:numId w:val="28"/>
      </w:numPr>
      <w:spacing w:before="240" w:after="60"/>
      <w:outlineLvl w:val="8"/>
    </w:pPr>
    <w:rPr>
      <w:rFonts w:ascii="Cambria" w:hAnsi="Cambria"/>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ormalSingle">
    <w:name w:val="Normal Single"/>
    <w:rsid w:val="00F73A42"/>
    <w:pPr>
      <w:spacing w:after="240"/>
    </w:pPr>
    <w:rPr>
      <w:sz w:val="24"/>
      <w:szCs w:val="24"/>
      <w:lang w:val="en-CA"/>
    </w:rPr>
  </w:style>
  <w:style w:type="paragraph" w:customStyle="1" w:styleId="tgfBullet1">
    <w:name w:val="tgf Bullet 1"/>
    <w:basedOn w:val="Normal"/>
    <w:uiPriority w:val="1"/>
    <w:qFormat/>
    <w:rsid w:val="00BA7524"/>
    <w:pPr>
      <w:numPr>
        <w:numId w:val="1"/>
      </w:numPr>
    </w:pPr>
  </w:style>
  <w:style w:type="paragraph" w:styleId="Header">
    <w:name w:val="header"/>
    <w:basedOn w:val="NormalSingle"/>
    <w:semiHidden/>
    <w:rsid w:val="000038D6"/>
    <w:pPr>
      <w:tabs>
        <w:tab w:val="center" w:pos="4680"/>
        <w:tab w:val="right" w:pos="9360"/>
      </w:tabs>
    </w:pPr>
  </w:style>
  <w:style w:type="paragraph" w:styleId="Footer">
    <w:name w:val="footer"/>
    <w:basedOn w:val="NormalSingle"/>
    <w:semiHidden/>
    <w:rsid w:val="000038D6"/>
    <w:pPr>
      <w:tabs>
        <w:tab w:val="center" w:pos="4680"/>
        <w:tab w:val="right" w:pos="9360"/>
      </w:tabs>
    </w:pPr>
  </w:style>
  <w:style w:type="character" w:styleId="PageNumber">
    <w:name w:val="page number"/>
    <w:semiHidden/>
    <w:rsid w:val="000038D6"/>
  </w:style>
  <w:style w:type="paragraph" w:customStyle="1" w:styleId="Filename">
    <w:name w:val="Filename"/>
    <w:basedOn w:val="NormalSingle"/>
    <w:next w:val="Normal"/>
    <w:uiPriority w:val="2"/>
    <w:semiHidden/>
    <w:unhideWhenUsed/>
    <w:rsid w:val="00B52376"/>
    <w:pPr>
      <w:spacing w:before="240" w:after="0"/>
    </w:pPr>
    <w:rPr>
      <w:sz w:val="16"/>
    </w:rPr>
  </w:style>
  <w:style w:type="character" w:customStyle="1" w:styleId="Heading4Char">
    <w:name w:val="Heading 4 Char"/>
    <w:basedOn w:val="DefaultParagraphFont"/>
    <w:link w:val="Heading4"/>
    <w:semiHidden/>
    <w:rsid w:val="00EC73E1"/>
    <w:rPr>
      <w:rFonts w:ascii="Calibri" w:eastAsia="Times New Roman" w:hAnsi="Calibri" w:cs="Times New Roman"/>
      <w:b/>
      <w:bCs/>
      <w:sz w:val="28"/>
      <w:szCs w:val="28"/>
      <w:lang w:eastAsia="en-US"/>
    </w:rPr>
  </w:style>
  <w:style w:type="paragraph" w:customStyle="1" w:styleId="tgfBullet2">
    <w:name w:val="tgf Bullet 2"/>
    <w:basedOn w:val="Normal"/>
    <w:uiPriority w:val="1"/>
    <w:rsid w:val="00BA7524"/>
    <w:pPr>
      <w:numPr>
        <w:ilvl w:val="1"/>
        <w:numId w:val="1"/>
      </w:numPr>
    </w:pPr>
  </w:style>
  <w:style w:type="paragraph" w:customStyle="1" w:styleId="tgfBullet3">
    <w:name w:val="tgf Bullet 3"/>
    <w:basedOn w:val="Normal"/>
    <w:uiPriority w:val="1"/>
    <w:rsid w:val="00BA7524"/>
    <w:pPr>
      <w:numPr>
        <w:ilvl w:val="2"/>
        <w:numId w:val="1"/>
      </w:numPr>
    </w:pPr>
  </w:style>
  <w:style w:type="paragraph" w:customStyle="1" w:styleId="tgfBullet4">
    <w:name w:val="tgf Bullet 4"/>
    <w:basedOn w:val="Normal"/>
    <w:uiPriority w:val="1"/>
    <w:rsid w:val="00BA7524"/>
    <w:pPr>
      <w:numPr>
        <w:ilvl w:val="3"/>
        <w:numId w:val="1"/>
      </w:numPr>
    </w:pPr>
  </w:style>
  <w:style w:type="character" w:styleId="FootnoteReference">
    <w:name w:val="footnote reference"/>
    <w:semiHidden/>
    <w:rsid w:val="00F3582D"/>
    <w:rPr>
      <w:vertAlign w:val="superscript"/>
    </w:rPr>
  </w:style>
  <w:style w:type="paragraph" w:styleId="FootnoteText">
    <w:name w:val="footnote text"/>
    <w:basedOn w:val="NormalSingle"/>
    <w:semiHidden/>
    <w:rsid w:val="00F3582D"/>
    <w:rPr>
      <w:sz w:val="20"/>
      <w:szCs w:val="20"/>
    </w:rPr>
  </w:style>
  <w:style w:type="paragraph" w:customStyle="1" w:styleId="tgfCentre">
    <w:name w:val="tgf Centre"/>
    <w:basedOn w:val="Normal"/>
    <w:uiPriority w:val="1"/>
    <w:rsid w:val="00036933"/>
    <w:pPr>
      <w:jc w:val="center"/>
    </w:pPr>
  </w:style>
  <w:style w:type="paragraph" w:customStyle="1" w:styleId="tgfPleadingand">
    <w:name w:val="tgf Pleading and"/>
    <w:basedOn w:val="NormalSingle"/>
    <w:uiPriority w:val="1"/>
    <w:rsid w:val="00036933"/>
    <w:pPr>
      <w:spacing w:after="480"/>
      <w:jc w:val="center"/>
    </w:pPr>
  </w:style>
  <w:style w:type="paragraph" w:customStyle="1" w:styleId="tgfCentreBold">
    <w:name w:val="tgf Centre Bold"/>
    <w:basedOn w:val="Normal"/>
    <w:uiPriority w:val="1"/>
    <w:rsid w:val="00036933"/>
    <w:pPr>
      <w:jc w:val="center"/>
    </w:pPr>
    <w:rPr>
      <w:b/>
    </w:rPr>
  </w:style>
  <w:style w:type="paragraph" w:customStyle="1" w:styleId="tgfIndentDbl5">
    <w:name w:val="tgf Indent Dbl .5"/>
    <w:basedOn w:val="NormalSingle"/>
    <w:uiPriority w:val="1"/>
    <w:qFormat/>
    <w:rsid w:val="00036933"/>
    <w:pPr>
      <w:ind w:left="720" w:right="720"/>
      <w:jc w:val="both"/>
    </w:pPr>
  </w:style>
  <w:style w:type="paragraph" w:customStyle="1" w:styleId="tgfIndentDbl1">
    <w:name w:val="tgf Indent Dbl 1"/>
    <w:basedOn w:val="NormalSingle"/>
    <w:uiPriority w:val="1"/>
    <w:qFormat/>
    <w:rsid w:val="00036933"/>
    <w:pPr>
      <w:ind w:left="1440" w:right="1440"/>
      <w:jc w:val="both"/>
    </w:pPr>
  </w:style>
  <w:style w:type="paragraph" w:customStyle="1" w:styleId="tgfIndentDbl15">
    <w:name w:val="tgf Indent Dbl 1.5"/>
    <w:basedOn w:val="NormalSingle"/>
    <w:uiPriority w:val="1"/>
    <w:rsid w:val="00036933"/>
    <w:pPr>
      <w:ind w:left="2160" w:right="2160"/>
      <w:jc w:val="both"/>
    </w:pPr>
  </w:style>
  <w:style w:type="paragraph" w:customStyle="1" w:styleId="tgfTabDotLeader">
    <w:name w:val="tgf Tab Dot Leader"/>
    <w:basedOn w:val="NormalSingle"/>
    <w:uiPriority w:val="1"/>
    <w:qFormat/>
    <w:rsid w:val="006435D0"/>
    <w:pPr>
      <w:tabs>
        <w:tab w:val="left" w:pos="720"/>
        <w:tab w:val="right" w:leader="dot" w:pos="9360"/>
      </w:tabs>
      <w:ind w:right="720"/>
    </w:pPr>
  </w:style>
  <w:style w:type="paragraph" w:customStyle="1" w:styleId="tgfGeneral1">
    <w:name w:val="tgf General 1"/>
    <w:basedOn w:val="Normal"/>
    <w:uiPriority w:val="1"/>
    <w:qFormat/>
    <w:rsid w:val="00C17152"/>
    <w:pPr>
      <w:numPr>
        <w:numId w:val="3"/>
      </w:numPr>
    </w:pPr>
  </w:style>
  <w:style w:type="paragraph" w:customStyle="1" w:styleId="tgfGeneral2">
    <w:name w:val="tgf General 2"/>
    <w:basedOn w:val="Normal"/>
    <w:uiPriority w:val="1"/>
    <w:rsid w:val="00C17152"/>
    <w:pPr>
      <w:numPr>
        <w:ilvl w:val="1"/>
        <w:numId w:val="3"/>
      </w:numPr>
    </w:pPr>
  </w:style>
  <w:style w:type="paragraph" w:customStyle="1" w:styleId="tgfGeneral3">
    <w:name w:val="tgf General 3"/>
    <w:basedOn w:val="Normal"/>
    <w:uiPriority w:val="1"/>
    <w:rsid w:val="00C17152"/>
    <w:pPr>
      <w:numPr>
        <w:ilvl w:val="2"/>
        <w:numId w:val="3"/>
      </w:numPr>
    </w:pPr>
  </w:style>
  <w:style w:type="paragraph" w:customStyle="1" w:styleId="tgfGeneral4">
    <w:name w:val="tgf General 4"/>
    <w:basedOn w:val="Normal"/>
    <w:uiPriority w:val="1"/>
    <w:rsid w:val="00C17152"/>
    <w:pPr>
      <w:numPr>
        <w:ilvl w:val="3"/>
        <w:numId w:val="3"/>
      </w:numPr>
    </w:pPr>
  </w:style>
  <w:style w:type="paragraph" w:customStyle="1" w:styleId="tgfGeneral5">
    <w:name w:val="tgf General 5"/>
    <w:basedOn w:val="Normal"/>
    <w:uiPriority w:val="1"/>
    <w:rsid w:val="00C17152"/>
    <w:pPr>
      <w:numPr>
        <w:ilvl w:val="4"/>
        <w:numId w:val="3"/>
      </w:numPr>
    </w:pPr>
  </w:style>
  <w:style w:type="paragraph" w:customStyle="1" w:styleId="tgfGeneral6">
    <w:name w:val="tgf General 6"/>
    <w:basedOn w:val="Normal"/>
    <w:uiPriority w:val="1"/>
    <w:semiHidden/>
    <w:unhideWhenUsed/>
    <w:rsid w:val="00C17152"/>
    <w:pPr>
      <w:numPr>
        <w:ilvl w:val="5"/>
        <w:numId w:val="3"/>
      </w:numPr>
    </w:pPr>
  </w:style>
  <w:style w:type="paragraph" w:customStyle="1" w:styleId="tgfGeneral7">
    <w:name w:val="tgf General 7"/>
    <w:basedOn w:val="Normal"/>
    <w:uiPriority w:val="1"/>
    <w:semiHidden/>
    <w:unhideWhenUsed/>
    <w:rsid w:val="00C17152"/>
    <w:pPr>
      <w:numPr>
        <w:ilvl w:val="6"/>
        <w:numId w:val="3"/>
      </w:numPr>
    </w:pPr>
  </w:style>
  <w:style w:type="paragraph" w:customStyle="1" w:styleId="tgfGeneral8">
    <w:name w:val="tgf General 8"/>
    <w:basedOn w:val="Normal"/>
    <w:uiPriority w:val="1"/>
    <w:semiHidden/>
    <w:unhideWhenUsed/>
    <w:rsid w:val="00C17152"/>
    <w:pPr>
      <w:numPr>
        <w:ilvl w:val="7"/>
        <w:numId w:val="3"/>
      </w:numPr>
    </w:pPr>
  </w:style>
  <w:style w:type="paragraph" w:customStyle="1" w:styleId="tgfGeneral9">
    <w:name w:val="tgf General 9"/>
    <w:basedOn w:val="Normal"/>
    <w:uiPriority w:val="1"/>
    <w:semiHidden/>
    <w:unhideWhenUsed/>
    <w:rsid w:val="00C17152"/>
    <w:pPr>
      <w:numPr>
        <w:ilvl w:val="8"/>
        <w:numId w:val="3"/>
      </w:numPr>
    </w:pPr>
  </w:style>
  <w:style w:type="paragraph" w:customStyle="1" w:styleId="tgfHanging5">
    <w:name w:val="tgf Hanging .5"/>
    <w:basedOn w:val="NormalSingle"/>
    <w:uiPriority w:val="1"/>
    <w:qFormat/>
    <w:rsid w:val="00C511BD"/>
    <w:pPr>
      <w:ind w:left="720" w:hanging="720"/>
      <w:jc w:val="both"/>
    </w:pPr>
  </w:style>
  <w:style w:type="paragraph" w:customStyle="1" w:styleId="tgfHanging75">
    <w:name w:val="tgf Hanging .75"/>
    <w:basedOn w:val="NormalSingle"/>
    <w:uiPriority w:val="1"/>
    <w:qFormat/>
    <w:rsid w:val="00C511BD"/>
    <w:pPr>
      <w:ind w:left="1080" w:hanging="1080"/>
      <w:jc w:val="both"/>
    </w:pPr>
  </w:style>
  <w:style w:type="paragraph" w:customStyle="1" w:styleId="tgfHanging1">
    <w:name w:val="tgf Hanging 1"/>
    <w:basedOn w:val="NormalSingle"/>
    <w:uiPriority w:val="1"/>
    <w:rsid w:val="00C511BD"/>
    <w:pPr>
      <w:ind w:left="1440" w:hanging="1440"/>
      <w:jc w:val="both"/>
    </w:pPr>
  </w:style>
  <w:style w:type="paragraph" w:customStyle="1" w:styleId="tgfHeadingA">
    <w:name w:val="tgf HeadingA"/>
    <w:basedOn w:val="NormalSingle"/>
    <w:next w:val="Normal"/>
    <w:uiPriority w:val="1"/>
    <w:qFormat/>
    <w:rsid w:val="002072F9"/>
    <w:pPr>
      <w:keepNext/>
      <w:outlineLvl w:val="0"/>
    </w:pPr>
    <w:rPr>
      <w:b/>
    </w:rPr>
  </w:style>
  <w:style w:type="paragraph" w:customStyle="1" w:styleId="tgfHeadingANoToc">
    <w:name w:val="tgf HeadingA No Toc"/>
    <w:basedOn w:val="NormalSingle"/>
    <w:next w:val="Normal"/>
    <w:uiPriority w:val="1"/>
    <w:rsid w:val="002072F9"/>
    <w:pPr>
      <w:keepNext/>
    </w:pPr>
    <w:rPr>
      <w:b/>
    </w:rPr>
  </w:style>
  <w:style w:type="paragraph" w:customStyle="1" w:styleId="tgfHeadingB">
    <w:name w:val="tgf HeadingB"/>
    <w:basedOn w:val="NormalSingle"/>
    <w:next w:val="Normal"/>
    <w:uiPriority w:val="1"/>
    <w:qFormat/>
    <w:rsid w:val="002072F9"/>
    <w:pPr>
      <w:keepNext/>
      <w:outlineLvl w:val="1"/>
    </w:pPr>
    <w:rPr>
      <w:b/>
      <w:i/>
    </w:rPr>
  </w:style>
  <w:style w:type="paragraph" w:customStyle="1" w:styleId="tgfHeadingBNoToc">
    <w:name w:val="tgf HeadingB No Toc"/>
    <w:basedOn w:val="NormalSingle"/>
    <w:uiPriority w:val="1"/>
    <w:rsid w:val="002072F9"/>
    <w:pPr>
      <w:keepNext/>
    </w:pPr>
    <w:rPr>
      <w:b/>
      <w:i/>
    </w:rPr>
  </w:style>
  <w:style w:type="paragraph" w:customStyle="1" w:styleId="tgfHeadingC">
    <w:name w:val="tgf HeadingC"/>
    <w:basedOn w:val="NormalSingle"/>
    <w:next w:val="Normal"/>
    <w:uiPriority w:val="1"/>
    <w:qFormat/>
    <w:rsid w:val="009923B1"/>
    <w:pPr>
      <w:keepNext/>
      <w:outlineLvl w:val="2"/>
    </w:pPr>
    <w:rPr>
      <w:b/>
    </w:rPr>
  </w:style>
  <w:style w:type="paragraph" w:customStyle="1" w:styleId="tgfHeadingCNoToc">
    <w:name w:val="tgf HeadingC No Toc"/>
    <w:basedOn w:val="NormalSingle"/>
    <w:next w:val="Normal"/>
    <w:uiPriority w:val="1"/>
    <w:rsid w:val="009923B1"/>
    <w:pPr>
      <w:keepNext/>
    </w:pPr>
    <w:rPr>
      <w:b/>
    </w:rPr>
  </w:style>
  <w:style w:type="paragraph" w:customStyle="1" w:styleId="tgfHeadingD">
    <w:name w:val="tgf HeadingD"/>
    <w:basedOn w:val="NormalSingle"/>
    <w:next w:val="Normal"/>
    <w:uiPriority w:val="1"/>
    <w:qFormat/>
    <w:rsid w:val="00C7599C"/>
    <w:pPr>
      <w:keepNext/>
      <w:outlineLvl w:val="2"/>
    </w:pPr>
    <w:rPr>
      <w:b/>
      <w:u w:val="single"/>
    </w:rPr>
  </w:style>
  <w:style w:type="paragraph" w:customStyle="1" w:styleId="tgfHeadingDNoToc">
    <w:name w:val="tgf HeadingD No Toc"/>
    <w:basedOn w:val="NormalSingle"/>
    <w:next w:val="Normal"/>
    <w:uiPriority w:val="1"/>
    <w:rsid w:val="002072F9"/>
    <w:pPr>
      <w:keepNext/>
    </w:pPr>
    <w:rPr>
      <w:b/>
      <w:u w:val="single"/>
    </w:rPr>
  </w:style>
  <w:style w:type="paragraph" w:customStyle="1" w:styleId="tgfHeadingCentreBold">
    <w:name w:val="tgf Heading Centre Bold"/>
    <w:basedOn w:val="NormalSingle"/>
    <w:next w:val="Normal"/>
    <w:uiPriority w:val="1"/>
    <w:qFormat/>
    <w:rsid w:val="00A65182"/>
    <w:pPr>
      <w:keepNext/>
      <w:spacing w:after="480"/>
      <w:jc w:val="center"/>
    </w:pPr>
    <w:rPr>
      <w:b/>
      <w:sz w:val="28"/>
    </w:rPr>
  </w:style>
  <w:style w:type="paragraph" w:customStyle="1" w:styleId="tgfHeadingCentreBoldItalics">
    <w:name w:val="tgf Heading Centre Bold Italics"/>
    <w:basedOn w:val="NormalSingle"/>
    <w:next w:val="Normal"/>
    <w:uiPriority w:val="1"/>
    <w:qFormat/>
    <w:rsid w:val="00A65182"/>
    <w:pPr>
      <w:keepNext/>
      <w:spacing w:after="480"/>
      <w:jc w:val="center"/>
    </w:pPr>
    <w:rPr>
      <w:b/>
      <w:i/>
      <w:sz w:val="28"/>
    </w:rPr>
  </w:style>
  <w:style w:type="paragraph" w:customStyle="1" w:styleId="tgfHeadingCentre">
    <w:name w:val="tgf Heading Centre"/>
    <w:basedOn w:val="NormalSingle"/>
    <w:next w:val="Normal"/>
    <w:uiPriority w:val="1"/>
    <w:qFormat/>
    <w:rsid w:val="00A65182"/>
    <w:pPr>
      <w:keepNext/>
      <w:spacing w:after="480"/>
      <w:jc w:val="center"/>
    </w:pPr>
    <w:rPr>
      <w:sz w:val="28"/>
    </w:rPr>
  </w:style>
  <w:style w:type="paragraph" w:customStyle="1" w:styleId="tgfIndent5">
    <w:name w:val="tgf Indent .5"/>
    <w:basedOn w:val="Normal"/>
    <w:uiPriority w:val="1"/>
    <w:qFormat/>
    <w:rsid w:val="00A65182"/>
    <w:pPr>
      <w:ind w:left="720"/>
    </w:pPr>
  </w:style>
  <w:style w:type="paragraph" w:customStyle="1" w:styleId="tgfIndent1">
    <w:name w:val="tgf Indent 1"/>
    <w:basedOn w:val="Normal"/>
    <w:uiPriority w:val="1"/>
    <w:qFormat/>
    <w:rsid w:val="00A65182"/>
    <w:pPr>
      <w:ind w:left="1440"/>
    </w:pPr>
  </w:style>
  <w:style w:type="paragraph" w:customStyle="1" w:styleId="tgfIndent15">
    <w:name w:val="tgf Indent 1.5"/>
    <w:basedOn w:val="Normal"/>
    <w:uiPriority w:val="1"/>
    <w:rsid w:val="00A65182"/>
    <w:pPr>
      <w:ind w:left="2160"/>
    </w:pPr>
  </w:style>
  <w:style w:type="paragraph" w:customStyle="1" w:styleId="tgfIndent2">
    <w:name w:val="tgf Indent 2"/>
    <w:basedOn w:val="Normal"/>
    <w:uiPriority w:val="1"/>
    <w:rsid w:val="00F53145"/>
    <w:pPr>
      <w:ind w:left="2880"/>
    </w:pPr>
  </w:style>
  <w:style w:type="paragraph" w:customStyle="1" w:styleId="tgfHeadingBIndent5">
    <w:name w:val="tgf HeadingB Indent .5"/>
    <w:basedOn w:val="NormalSingle"/>
    <w:uiPriority w:val="1"/>
    <w:rsid w:val="009923B1"/>
    <w:pPr>
      <w:keepNext/>
      <w:ind w:left="720"/>
      <w:outlineLvl w:val="1"/>
    </w:pPr>
    <w:rPr>
      <w:b/>
      <w:i/>
    </w:rPr>
  </w:style>
  <w:style w:type="paragraph" w:customStyle="1" w:styleId="tgfLeft">
    <w:name w:val="tgf Left"/>
    <w:basedOn w:val="Normal"/>
    <w:uiPriority w:val="1"/>
    <w:qFormat/>
    <w:rsid w:val="002E5AD0"/>
    <w:pPr>
      <w:jc w:val="left"/>
    </w:pPr>
  </w:style>
  <w:style w:type="paragraph" w:customStyle="1" w:styleId="tgfPleading1">
    <w:name w:val="tgf Pleading 1"/>
    <w:basedOn w:val="Normal"/>
    <w:uiPriority w:val="1"/>
    <w:qFormat/>
    <w:rsid w:val="0096212E"/>
    <w:pPr>
      <w:numPr>
        <w:numId w:val="4"/>
      </w:numPr>
      <w:spacing w:before="240" w:after="0" w:line="480" w:lineRule="auto"/>
    </w:pPr>
  </w:style>
  <w:style w:type="paragraph" w:customStyle="1" w:styleId="tgfPleading2">
    <w:name w:val="tgf Pleading 2"/>
    <w:basedOn w:val="Normal"/>
    <w:uiPriority w:val="1"/>
    <w:rsid w:val="0096212E"/>
    <w:pPr>
      <w:numPr>
        <w:ilvl w:val="1"/>
        <w:numId w:val="4"/>
      </w:numPr>
      <w:spacing w:before="120" w:after="120" w:line="480" w:lineRule="auto"/>
    </w:pPr>
  </w:style>
  <w:style w:type="paragraph" w:customStyle="1" w:styleId="tgfPleading3">
    <w:name w:val="tgf Pleading 3"/>
    <w:basedOn w:val="Normal"/>
    <w:uiPriority w:val="1"/>
    <w:rsid w:val="0096212E"/>
    <w:pPr>
      <w:numPr>
        <w:ilvl w:val="2"/>
        <w:numId w:val="4"/>
      </w:numPr>
      <w:spacing w:before="120" w:after="120" w:line="480" w:lineRule="auto"/>
    </w:pPr>
  </w:style>
  <w:style w:type="paragraph" w:customStyle="1" w:styleId="tgfPleading4">
    <w:name w:val="tgf Pleading 4"/>
    <w:basedOn w:val="Normal"/>
    <w:uiPriority w:val="1"/>
    <w:rsid w:val="0096212E"/>
    <w:pPr>
      <w:numPr>
        <w:ilvl w:val="3"/>
        <w:numId w:val="4"/>
      </w:numPr>
      <w:spacing w:line="480" w:lineRule="auto"/>
    </w:pPr>
  </w:style>
  <w:style w:type="paragraph" w:customStyle="1" w:styleId="tgfPleading5">
    <w:name w:val="tgf Pleading 5"/>
    <w:basedOn w:val="Normal"/>
    <w:uiPriority w:val="1"/>
    <w:rsid w:val="00BB058E"/>
    <w:pPr>
      <w:numPr>
        <w:ilvl w:val="4"/>
        <w:numId w:val="4"/>
      </w:numPr>
      <w:spacing w:line="480" w:lineRule="auto"/>
    </w:pPr>
  </w:style>
  <w:style w:type="paragraph" w:customStyle="1" w:styleId="tgfPleading6">
    <w:name w:val="tgf Pleading 6"/>
    <w:basedOn w:val="Normal"/>
    <w:uiPriority w:val="1"/>
    <w:semiHidden/>
    <w:unhideWhenUsed/>
    <w:rsid w:val="0096212E"/>
    <w:pPr>
      <w:numPr>
        <w:ilvl w:val="5"/>
        <w:numId w:val="4"/>
      </w:numPr>
    </w:pPr>
  </w:style>
  <w:style w:type="paragraph" w:customStyle="1" w:styleId="tgfPleading7">
    <w:name w:val="tgf Pleading 7"/>
    <w:basedOn w:val="Normal"/>
    <w:uiPriority w:val="1"/>
    <w:semiHidden/>
    <w:unhideWhenUsed/>
    <w:rsid w:val="0096212E"/>
    <w:pPr>
      <w:numPr>
        <w:ilvl w:val="6"/>
        <w:numId w:val="4"/>
      </w:numPr>
    </w:pPr>
  </w:style>
  <w:style w:type="paragraph" w:customStyle="1" w:styleId="tgfPleading8">
    <w:name w:val="tgf Pleading 8"/>
    <w:basedOn w:val="Normal"/>
    <w:uiPriority w:val="1"/>
    <w:semiHidden/>
    <w:unhideWhenUsed/>
    <w:rsid w:val="0096212E"/>
    <w:pPr>
      <w:numPr>
        <w:ilvl w:val="7"/>
        <w:numId w:val="4"/>
      </w:numPr>
    </w:pPr>
  </w:style>
  <w:style w:type="paragraph" w:customStyle="1" w:styleId="tgfPleading9">
    <w:name w:val="tgf Pleading 9"/>
    <w:basedOn w:val="Normal"/>
    <w:uiPriority w:val="1"/>
    <w:semiHidden/>
    <w:unhideWhenUsed/>
    <w:rsid w:val="0096212E"/>
    <w:pPr>
      <w:numPr>
        <w:ilvl w:val="8"/>
        <w:numId w:val="4"/>
      </w:numPr>
    </w:pPr>
  </w:style>
  <w:style w:type="paragraph" w:customStyle="1" w:styleId="tgfCombo1">
    <w:name w:val="tgf Combo 1"/>
    <w:basedOn w:val="Normal"/>
    <w:uiPriority w:val="1"/>
    <w:qFormat/>
    <w:rsid w:val="00D90B7D"/>
    <w:pPr>
      <w:numPr>
        <w:numId w:val="9"/>
      </w:numPr>
    </w:pPr>
  </w:style>
  <w:style w:type="paragraph" w:customStyle="1" w:styleId="tgfCombo2">
    <w:name w:val="tgf Combo 2"/>
    <w:basedOn w:val="Normal"/>
    <w:uiPriority w:val="1"/>
    <w:rsid w:val="00D90B7D"/>
    <w:pPr>
      <w:numPr>
        <w:ilvl w:val="1"/>
        <w:numId w:val="9"/>
      </w:numPr>
    </w:pPr>
  </w:style>
  <w:style w:type="paragraph" w:customStyle="1" w:styleId="tgfCombo3">
    <w:name w:val="tgf Combo 3"/>
    <w:basedOn w:val="Normal"/>
    <w:uiPriority w:val="1"/>
    <w:rsid w:val="00D90B7D"/>
    <w:pPr>
      <w:numPr>
        <w:ilvl w:val="2"/>
        <w:numId w:val="9"/>
      </w:numPr>
    </w:pPr>
  </w:style>
  <w:style w:type="paragraph" w:customStyle="1" w:styleId="tgfCombo4">
    <w:name w:val="tgf Combo 4"/>
    <w:basedOn w:val="Normal"/>
    <w:uiPriority w:val="1"/>
    <w:rsid w:val="00D26D3D"/>
    <w:pPr>
      <w:numPr>
        <w:ilvl w:val="3"/>
        <w:numId w:val="9"/>
      </w:numPr>
    </w:pPr>
  </w:style>
  <w:style w:type="paragraph" w:customStyle="1" w:styleId="tgfCombo5">
    <w:name w:val="tgf Combo 5"/>
    <w:basedOn w:val="Normal"/>
    <w:uiPriority w:val="1"/>
    <w:rsid w:val="00D26D3D"/>
    <w:pPr>
      <w:numPr>
        <w:ilvl w:val="4"/>
        <w:numId w:val="9"/>
      </w:numPr>
    </w:pPr>
  </w:style>
  <w:style w:type="paragraph" w:customStyle="1" w:styleId="tgfCombo6">
    <w:name w:val="tgf Combo 6"/>
    <w:basedOn w:val="Normal"/>
    <w:uiPriority w:val="1"/>
    <w:semiHidden/>
    <w:unhideWhenUsed/>
    <w:rsid w:val="00D26D3D"/>
    <w:pPr>
      <w:numPr>
        <w:ilvl w:val="5"/>
        <w:numId w:val="9"/>
      </w:numPr>
    </w:pPr>
  </w:style>
  <w:style w:type="paragraph" w:customStyle="1" w:styleId="tgfCombo7">
    <w:name w:val="tgf Combo 7"/>
    <w:basedOn w:val="Normal"/>
    <w:uiPriority w:val="1"/>
    <w:semiHidden/>
    <w:unhideWhenUsed/>
    <w:rsid w:val="00D26D3D"/>
    <w:pPr>
      <w:numPr>
        <w:ilvl w:val="6"/>
        <w:numId w:val="9"/>
      </w:numPr>
    </w:pPr>
  </w:style>
  <w:style w:type="paragraph" w:customStyle="1" w:styleId="tgfCombo8">
    <w:name w:val="tgf Combo 8"/>
    <w:basedOn w:val="Normal"/>
    <w:uiPriority w:val="1"/>
    <w:semiHidden/>
    <w:unhideWhenUsed/>
    <w:rsid w:val="00D26D3D"/>
    <w:pPr>
      <w:numPr>
        <w:ilvl w:val="7"/>
        <w:numId w:val="9"/>
      </w:numPr>
    </w:pPr>
  </w:style>
  <w:style w:type="paragraph" w:customStyle="1" w:styleId="tgfCombo9">
    <w:name w:val="tgf Combo 9"/>
    <w:basedOn w:val="Normal"/>
    <w:uiPriority w:val="1"/>
    <w:semiHidden/>
    <w:unhideWhenUsed/>
    <w:rsid w:val="00D26D3D"/>
    <w:pPr>
      <w:numPr>
        <w:ilvl w:val="8"/>
        <w:numId w:val="9"/>
      </w:numPr>
    </w:pPr>
  </w:style>
  <w:style w:type="paragraph" w:customStyle="1" w:styleId="tgfTable">
    <w:name w:val="tgf Table"/>
    <w:basedOn w:val="NormalSingle"/>
    <w:uiPriority w:val="1"/>
    <w:qFormat/>
    <w:rsid w:val="00BA46AD"/>
    <w:pPr>
      <w:spacing w:before="40" w:after="40"/>
    </w:pPr>
  </w:style>
  <w:style w:type="paragraph" w:customStyle="1" w:styleId="tgfTable1">
    <w:name w:val="tgf Table 1"/>
    <w:basedOn w:val="tgfTable"/>
    <w:uiPriority w:val="1"/>
    <w:qFormat/>
    <w:rsid w:val="001443F3"/>
    <w:pPr>
      <w:numPr>
        <w:numId w:val="12"/>
      </w:numPr>
    </w:pPr>
  </w:style>
  <w:style w:type="paragraph" w:customStyle="1" w:styleId="tgfTable2">
    <w:name w:val="tgf Table 2"/>
    <w:basedOn w:val="tgfTable"/>
    <w:uiPriority w:val="1"/>
    <w:rsid w:val="001443F3"/>
    <w:pPr>
      <w:numPr>
        <w:ilvl w:val="1"/>
        <w:numId w:val="12"/>
      </w:numPr>
    </w:pPr>
  </w:style>
  <w:style w:type="paragraph" w:customStyle="1" w:styleId="tgfTable3">
    <w:name w:val="tgf Table 3"/>
    <w:basedOn w:val="tgfTable"/>
    <w:uiPriority w:val="1"/>
    <w:rsid w:val="001443F3"/>
    <w:pPr>
      <w:numPr>
        <w:ilvl w:val="2"/>
        <w:numId w:val="12"/>
      </w:numPr>
    </w:pPr>
  </w:style>
  <w:style w:type="paragraph" w:customStyle="1" w:styleId="tgfTable4">
    <w:name w:val="tgf Table 4"/>
    <w:basedOn w:val="tgfTable"/>
    <w:uiPriority w:val="1"/>
    <w:rsid w:val="001443F3"/>
    <w:pPr>
      <w:numPr>
        <w:ilvl w:val="3"/>
        <w:numId w:val="12"/>
      </w:numPr>
    </w:pPr>
  </w:style>
  <w:style w:type="paragraph" w:customStyle="1" w:styleId="tgfTable5">
    <w:name w:val="tgf Table 5"/>
    <w:basedOn w:val="tgfTable"/>
    <w:uiPriority w:val="1"/>
    <w:rsid w:val="001443F3"/>
    <w:pPr>
      <w:numPr>
        <w:ilvl w:val="4"/>
        <w:numId w:val="12"/>
      </w:numPr>
    </w:pPr>
  </w:style>
  <w:style w:type="paragraph" w:customStyle="1" w:styleId="tgfTable6">
    <w:name w:val="tgf Table 6"/>
    <w:basedOn w:val="tgfTable"/>
    <w:uiPriority w:val="1"/>
    <w:semiHidden/>
    <w:unhideWhenUsed/>
    <w:rsid w:val="001443F3"/>
    <w:pPr>
      <w:numPr>
        <w:ilvl w:val="5"/>
        <w:numId w:val="12"/>
      </w:numPr>
    </w:pPr>
  </w:style>
  <w:style w:type="paragraph" w:customStyle="1" w:styleId="tgfTable7">
    <w:name w:val="tgf Table 7"/>
    <w:basedOn w:val="tgfTable"/>
    <w:uiPriority w:val="1"/>
    <w:semiHidden/>
    <w:unhideWhenUsed/>
    <w:rsid w:val="001443F3"/>
    <w:pPr>
      <w:numPr>
        <w:ilvl w:val="6"/>
        <w:numId w:val="12"/>
      </w:numPr>
    </w:pPr>
  </w:style>
  <w:style w:type="paragraph" w:customStyle="1" w:styleId="tgfTable8">
    <w:name w:val="tgf Table 8"/>
    <w:basedOn w:val="tgfTable"/>
    <w:uiPriority w:val="1"/>
    <w:semiHidden/>
    <w:unhideWhenUsed/>
    <w:rsid w:val="001443F3"/>
    <w:pPr>
      <w:numPr>
        <w:ilvl w:val="7"/>
        <w:numId w:val="12"/>
      </w:numPr>
    </w:pPr>
  </w:style>
  <w:style w:type="paragraph" w:customStyle="1" w:styleId="tgfTable9">
    <w:name w:val="tgf Table 9"/>
    <w:basedOn w:val="tgfTable"/>
    <w:uiPriority w:val="1"/>
    <w:semiHidden/>
    <w:unhideWhenUsed/>
    <w:rsid w:val="001443F3"/>
    <w:pPr>
      <w:numPr>
        <w:ilvl w:val="8"/>
        <w:numId w:val="12"/>
      </w:numPr>
    </w:pPr>
  </w:style>
  <w:style w:type="paragraph" w:customStyle="1" w:styleId="tgfTableRight">
    <w:name w:val="tgf Table Right"/>
    <w:basedOn w:val="tgfTable"/>
    <w:uiPriority w:val="1"/>
    <w:qFormat/>
    <w:rsid w:val="005A3544"/>
    <w:pPr>
      <w:jc w:val="right"/>
    </w:pPr>
  </w:style>
  <w:style w:type="paragraph" w:customStyle="1" w:styleId="tgfPleadingNormal">
    <w:name w:val="tgf Pleading Normal"/>
    <w:basedOn w:val="Normal"/>
    <w:uiPriority w:val="1"/>
    <w:qFormat/>
    <w:rsid w:val="0096212E"/>
    <w:pPr>
      <w:spacing w:before="480" w:after="0" w:line="480" w:lineRule="auto"/>
    </w:pPr>
  </w:style>
  <w:style w:type="paragraph" w:customStyle="1" w:styleId="tgfPleadingFirstLn5">
    <w:name w:val="tgf Pleading First Ln .5"/>
    <w:basedOn w:val="Normal"/>
    <w:uiPriority w:val="1"/>
    <w:qFormat/>
    <w:rsid w:val="0096212E"/>
    <w:pPr>
      <w:spacing w:before="480" w:after="0" w:line="480" w:lineRule="auto"/>
      <w:ind w:firstLine="720"/>
    </w:pPr>
  </w:style>
  <w:style w:type="paragraph" w:customStyle="1" w:styleId="tgfNormalNoSpaceAfter">
    <w:name w:val="tgf Normal No Space After"/>
    <w:basedOn w:val="Normal"/>
    <w:uiPriority w:val="1"/>
    <w:qFormat/>
    <w:rsid w:val="00C33A74"/>
    <w:pPr>
      <w:spacing w:after="0"/>
    </w:pPr>
  </w:style>
  <w:style w:type="paragraph" w:customStyle="1" w:styleId="tgfQuote5">
    <w:name w:val="tgf Quote .5"/>
    <w:basedOn w:val="NormalSingle"/>
    <w:uiPriority w:val="1"/>
    <w:qFormat/>
    <w:rsid w:val="0087292E"/>
    <w:pPr>
      <w:spacing w:after="480" w:line="280" w:lineRule="exact"/>
      <w:ind w:left="720" w:right="720"/>
      <w:contextualSpacing/>
      <w:jc w:val="both"/>
    </w:pPr>
    <w:rPr>
      <w:i/>
    </w:rPr>
  </w:style>
  <w:style w:type="paragraph" w:customStyle="1" w:styleId="tgfQuote1">
    <w:name w:val="tgf Quote 1"/>
    <w:basedOn w:val="NormalSingle"/>
    <w:uiPriority w:val="1"/>
    <w:qFormat/>
    <w:rsid w:val="0087292E"/>
    <w:pPr>
      <w:spacing w:after="480"/>
      <w:ind w:left="1440" w:right="1440"/>
      <w:jc w:val="both"/>
    </w:pPr>
    <w:rPr>
      <w:i/>
    </w:rPr>
  </w:style>
  <w:style w:type="paragraph" w:customStyle="1" w:styleId="tgfQuote15">
    <w:name w:val="tgf Quote 1.5"/>
    <w:basedOn w:val="NormalSingle"/>
    <w:uiPriority w:val="1"/>
    <w:rsid w:val="0087292E"/>
    <w:pPr>
      <w:ind w:left="2160" w:right="2160"/>
      <w:jc w:val="both"/>
    </w:pPr>
    <w:rPr>
      <w:i/>
    </w:rPr>
  </w:style>
  <w:style w:type="paragraph" w:customStyle="1" w:styleId="tgfQuote2">
    <w:name w:val="tgf Quote 2"/>
    <w:basedOn w:val="NormalSingle"/>
    <w:uiPriority w:val="1"/>
    <w:rsid w:val="0087292E"/>
    <w:pPr>
      <w:ind w:left="2880" w:right="2880"/>
      <w:jc w:val="both"/>
    </w:pPr>
    <w:rPr>
      <w:i/>
    </w:rPr>
  </w:style>
  <w:style w:type="paragraph" w:customStyle="1" w:styleId="tgfRefAuthority">
    <w:name w:val="tgf Ref Authority"/>
    <w:basedOn w:val="NormalSingle"/>
    <w:uiPriority w:val="1"/>
    <w:qFormat/>
    <w:rsid w:val="00241C6D"/>
    <w:pPr>
      <w:ind w:left="1440" w:right="720"/>
    </w:pPr>
    <w:rPr>
      <w:b/>
      <w:sz w:val="20"/>
    </w:rPr>
  </w:style>
  <w:style w:type="paragraph" w:customStyle="1" w:styleId="tgfReference">
    <w:name w:val="tgf Reference"/>
    <w:basedOn w:val="NormalSingle"/>
    <w:uiPriority w:val="1"/>
    <w:qFormat/>
    <w:rsid w:val="00241C6D"/>
    <w:pPr>
      <w:ind w:left="1440" w:right="720"/>
    </w:pPr>
    <w:rPr>
      <w:b/>
      <w:sz w:val="20"/>
    </w:rPr>
  </w:style>
  <w:style w:type="paragraph" w:customStyle="1" w:styleId="tgfRefStatute">
    <w:name w:val="tgf Ref Statute"/>
    <w:basedOn w:val="NormalSingle"/>
    <w:uiPriority w:val="1"/>
    <w:qFormat/>
    <w:rsid w:val="00A63251"/>
    <w:pPr>
      <w:ind w:left="1440" w:right="720"/>
      <w:contextualSpacing/>
    </w:pPr>
    <w:rPr>
      <w:b/>
      <w:sz w:val="20"/>
    </w:rPr>
  </w:style>
  <w:style w:type="paragraph" w:customStyle="1" w:styleId="tgfRight">
    <w:name w:val="tgf Right"/>
    <w:basedOn w:val="Normal"/>
    <w:uiPriority w:val="1"/>
    <w:qFormat/>
    <w:rsid w:val="009E72E5"/>
    <w:pPr>
      <w:jc w:val="right"/>
    </w:pPr>
  </w:style>
  <w:style w:type="paragraph" w:customStyle="1" w:styleId="tgfRightBold">
    <w:name w:val="tgf Right Bold"/>
    <w:basedOn w:val="Normal"/>
    <w:uiPriority w:val="1"/>
    <w:qFormat/>
    <w:rsid w:val="009E72E5"/>
    <w:pPr>
      <w:jc w:val="right"/>
    </w:pPr>
    <w:rPr>
      <w:b/>
    </w:rPr>
  </w:style>
  <w:style w:type="paragraph" w:customStyle="1" w:styleId="tgfSchedule">
    <w:name w:val="tgf Schedule"/>
    <w:basedOn w:val="Normal"/>
    <w:uiPriority w:val="1"/>
    <w:qFormat/>
    <w:rsid w:val="009E72E5"/>
    <w:pPr>
      <w:jc w:val="center"/>
      <w:outlineLvl w:val="0"/>
    </w:pPr>
    <w:rPr>
      <w:b/>
    </w:rPr>
  </w:style>
  <w:style w:type="character" w:customStyle="1" w:styleId="Heading5Char">
    <w:name w:val="Heading 5 Char"/>
    <w:basedOn w:val="DefaultParagraphFont"/>
    <w:link w:val="Heading5"/>
    <w:semiHidden/>
    <w:rsid w:val="00EC73E1"/>
    <w:rPr>
      <w:rFonts w:ascii="Calibri" w:eastAsia="Times New Roman" w:hAnsi="Calibri" w:cs="Times New Roman"/>
      <w:b/>
      <w:bCs/>
      <w:i/>
      <w:iCs/>
      <w:sz w:val="26"/>
      <w:szCs w:val="26"/>
      <w:lang w:eastAsia="en-US"/>
    </w:rPr>
  </w:style>
  <w:style w:type="character" w:customStyle="1" w:styleId="Heading6Char">
    <w:name w:val="Heading 6 Char"/>
    <w:basedOn w:val="DefaultParagraphFont"/>
    <w:link w:val="Heading6"/>
    <w:semiHidden/>
    <w:rsid w:val="00EC73E1"/>
    <w:rPr>
      <w:rFonts w:ascii="Calibri" w:eastAsia="Times New Roman" w:hAnsi="Calibri" w:cs="Times New Roman"/>
      <w:b/>
      <w:bCs/>
      <w:sz w:val="22"/>
      <w:szCs w:val="22"/>
      <w:lang w:eastAsia="en-US"/>
    </w:rPr>
  </w:style>
  <w:style w:type="paragraph" w:customStyle="1" w:styleId="tgfIndentFirstLine5">
    <w:name w:val="tgf Indent First Line .5"/>
    <w:basedOn w:val="Normal"/>
    <w:uiPriority w:val="1"/>
    <w:qFormat/>
    <w:rsid w:val="00AC1C36"/>
    <w:pPr>
      <w:ind w:firstLine="720"/>
    </w:pPr>
  </w:style>
  <w:style w:type="paragraph" w:customStyle="1" w:styleId="tgfIndentFirstLine1">
    <w:name w:val="tgf Indent First Line 1"/>
    <w:basedOn w:val="Normal"/>
    <w:uiPriority w:val="1"/>
    <w:qFormat/>
    <w:rsid w:val="00AC1C36"/>
    <w:pPr>
      <w:ind w:firstLine="1440"/>
    </w:pPr>
  </w:style>
  <w:style w:type="paragraph" w:customStyle="1" w:styleId="tgfIndentFirstLine15">
    <w:name w:val="tgf Indent First Line 1.5"/>
    <w:basedOn w:val="Normal"/>
    <w:uiPriority w:val="1"/>
    <w:rsid w:val="00AC1C36"/>
    <w:pPr>
      <w:ind w:firstLine="2160"/>
    </w:pPr>
  </w:style>
  <w:style w:type="paragraph" w:customStyle="1" w:styleId="tgfDash1">
    <w:name w:val="tgf Dash 1"/>
    <w:basedOn w:val="Normal"/>
    <w:uiPriority w:val="1"/>
    <w:qFormat/>
    <w:rsid w:val="001D19E3"/>
    <w:pPr>
      <w:numPr>
        <w:numId w:val="25"/>
      </w:numPr>
    </w:pPr>
  </w:style>
  <w:style w:type="paragraph" w:customStyle="1" w:styleId="tgfDash2">
    <w:name w:val="tgf Dash 2"/>
    <w:basedOn w:val="Normal"/>
    <w:uiPriority w:val="1"/>
    <w:rsid w:val="001D19E3"/>
    <w:pPr>
      <w:numPr>
        <w:ilvl w:val="1"/>
        <w:numId w:val="25"/>
      </w:numPr>
    </w:pPr>
  </w:style>
  <w:style w:type="paragraph" w:customStyle="1" w:styleId="tgfDash3">
    <w:name w:val="tgf Dash 3"/>
    <w:basedOn w:val="Normal"/>
    <w:uiPriority w:val="1"/>
    <w:rsid w:val="001D19E3"/>
    <w:pPr>
      <w:numPr>
        <w:ilvl w:val="2"/>
        <w:numId w:val="25"/>
      </w:numPr>
    </w:pPr>
  </w:style>
  <w:style w:type="paragraph" w:customStyle="1" w:styleId="tgfDash4">
    <w:name w:val="tgf Dash 4"/>
    <w:basedOn w:val="Normal"/>
    <w:uiPriority w:val="1"/>
    <w:rsid w:val="001D19E3"/>
    <w:pPr>
      <w:numPr>
        <w:ilvl w:val="3"/>
        <w:numId w:val="25"/>
      </w:numPr>
    </w:pPr>
  </w:style>
  <w:style w:type="paragraph" w:customStyle="1" w:styleId="tgfTableHeaderCentre">
    <w:name w:val="tgf Table Header Centre"/>
    <w:basedOn w:val="NormalSingle"/>
    <w:uiPriority w:val="1"/>
    <w:qFormat/>
    <w:rsid w:val="005476CA"/>
    <w:pPr>
      <w:keepNext/>
      <w:keepLines/>
      <w:spacing w:before="120" w:after="120"/>
      <w:jc w:val="center"/>
    </w:pPr>
    <w:rPr>
      <w:b/>
    </w:rPr>
  </w:style>
  <w:style w:type="paragraph" w:customStyle="1" w:styleId="tgfTableHeaderLeft">
    <w:name w:val="tgf Table Header Left"/>
    <w:basedOn w:val="NormalSingle"/>
    <w:uiPriority w:val="1"/>
    <w:qFormat/>
    <w:rsid w:val="005476CA"/>
    <w:pPr>
      <w:keepNext/>
      <w:keepLines/>
      <w:spacing w:before="120" w:after="120"/>
    </w:pPr>
    <w:rPr>
      <w:b/>
    </w:rPr>
  </w:style>
  <w:style w:type="character" w:customStyle="1" w:styleId="tgfxBold">
    <w:name w:val="tgf xBold"/>
    <w:uiPriority w:val="1"/>
    <w:qFormat/>
    <w:rsid w:val="00BD1929"/>
    <w:rPr>
      <w:b/>
    </w:rPr>
  </w:style>
  <w:style w:type="character" w:customStyle="1" w:styleId="tgfxBoldItalics">
    <w:name w:val="tgf xBoldItalics"/>
    <w:uiPriority w:val="1"/>
    <w:qFormat/>
    <w:rsid w:val="00BD1929"/>
    <w:rPr>
      <w:b/>
      <w:i/>
    </w:rPr>
  </w:style>
  <w:style w:type="character" w:customStyle="1" w:styleId="tgfxItalics">
    <w:name w:val="tgf xItalics"/>
    <w:uiPriority w:val="1"/>
    <w:qFormat/>
    <w:rsid w:val="00BD1929"/>
    <w:rPr>
      <w:i/>
    </w:rPr>
  </w:style>
  <w:style w:type="paragraph" w:customStyle="1" w:styleId="tgfTabbed">
    <w:name w:val="tgf Tabbed"/>
    <w:basedOn w:val="Normal"/>
    <w:uiPriority w:val="1"/>
    <w:qFormat/>
    <w:rsid w:val="00E1565E"/>
    <w:pPr>
      <w:tabs>
        <w:tab w:val="center" w:pos="4680"/>
        <w:tab w:val="right" w:pos="9360"/>
      </w:tabs>
    </w:pPr>
  </w:style>
  <w:style w:type="paragraph" w:customStyle="1" w:styleId="tgfTableCentre">
    <w:name w:val="tgf Table Centre"/>
    <w:basedOn w:val="tgfTable"/>
    <w:uiPriority w:val="1"/>
    <w:qFormat/>
    <w:rsid w:val="00E1565E"/>
    <w:pPr>
      <w:jc w:val="center"/>
    </w:pPr>
  </w:style>
  <w:style w:type="paragraph" w:customStyle="1" w:styleId="tgfRefAuthoritySupra">
    <w:name w:val="tgf Ref Authority Supra"/>
    <w:basedOn w:val="tgfRefAuthority"/>
    <w:uiPriority w:val="1"/>
    <w:qFormat/>
    <w:rsid w:val="0096212E"/>
  </w:style>
  <w:style w:type="character" w:customStyle="1" w:styleId="tgfxUnderline">
    <w:name w:val="tgf xUnderline"/>
    <w:uiPriority w:val="1"/>
    <w:qFormat/>
    <w:rsid w:val="007D021B"/>
    <w:rPr>
      <w:u w:val="single"/>
    </w:rPr>
  </w:style>
  <w:style w:type="character" w:customStyle="1" w:styleId="Fillin">
    <w:name w:val="Fillin"/>
    <w:uiPriority w:val="2"/>
    <w:rsid w:val="009646ED"/>
    <w:rPr>
      <w:b w:val="0"/>
      <w:color w:val="0000FF"/>
    </w:rPr>
  </w:style>
  <w:style w:type="character" w:styleId="LineNumber">
    <w:name w:val="line number"/>
    <w:basedOn w:val="DefaultParagraphFont"/>
    <w:semiHidden/>
    <w:rsid w:val="005C6437"/>
  </w:style>
  <w:style w:type="character" w:customStyle="1" w:styleId="Heading7Char">
    <w:name w:val="Heading 7 Char"/>
    <w:basedOn w:val="DefaultParagraphFont"/>
    <w:link w:val="Heading7"/>
    <w:semiHidden/>
    <w:rsid w:val="00EC73E1"/>
    <w:rPr>
      <w:rFonts w:ascii="Calibri" w:eastAsia="Times New Roman" w:hAnsi="Calibri" w:cs="Times New Roman"/>
      <w:sz w:val="24"/>
      <w:szCs w:val="24"/>
      <w:lang w:eastAsia="en-US"/>
    </w:rPr>
  </w:style>
  <w:style w:type="character" w:customStyle="1" w:styleId="Heading8Char">
    <w:name w:val="Heading 8 Char"/>
    <w:basedOn w:val="DefaultParagraphFont"/>
    <w:link w:val="Heading8"/>
    <w:semiHidden/>
    <w:rsid w:val="00EC73E1"/>
    <w:rPr>
      <w:rFonts w:ascii="Calibri" w:eastAsia="Times New Roman" w:hAnsi="Calibri" w:cs="Times New Roman"/>
      <w:i/>
      <w:iCs/>
      <w:sz w:val="24"/>
      <w:szCs w:val="24"/>
      <w:lang w:eastAsia="en-US"/>
    </w:rPr>
  </w:style>
  <w:style w:type="character" w:customStyle="1" w:styleId="Heading9Char">
    <w:name w:val="Heading 9 Char"/>
    <w:basedOn w:val="DefaultParagraphFont"/>
    <w:link w:val="Heading9"/>
    <w:semiHidden/>
    <w:rsid w:val="00EC73E1"/>
    <w:rPr>
      <w:rFonts w:ascii="Cambria" w:eastAsia="Times New Roman" w:hAnsi="Cambria" w:cs="Times New Roman"/>
      <w:sz w:val="22"/>
      <w:szCs w:val="22"/>
      <w:lang w:eastAsia="en-US"/>
    </w:rPr>
  </w:style>
  <w:style w:type="paragraph" w:customStyle="1" w:styleId="tgfArticle1">
    <w:name w:val="tgf Article 1"/>
    <w:basedOn w:val="NormalSingle"/>
    <w:next w:val="tgfArticle2"/>
    <w:uiPriority w:val="1"/>
    <w:qFormat/>
    <w:rsid w:val="006A1F22"/>
    <w:pPr>
      <w:keepNext/>
      <w:numPr>
        <w:numId w:val="29"/>
      </w:numPr>
      <w:jc w:val="center"/>
    </w:pPr>
    <w:rPr>
      <w:rFonts w:ascii="Times New Roman Bold" w:hAnsi="Times New Roman Bold"/>
      <w:b/>
      <w:caps/>
    </w:rPr>
  </w:style>
  <w:style w:type="paragraph" w:customStyle="1" w:styleId="tgfArticle2">
    <w:name w:val="tgf Article 2"/>
    <w:basedOn w:val="NormalSingle"/>
    <w:uiPriority w:val="1"/>
    <w:rsid w:val="00C44F8C"/>
    <w:pPr>
      <w:keepNext/>
      <w:numPr>
        <w:ilvl w:val="1"/>
        <w:numId w:val="29"/>
      </w:numPr>
    </w:pPr>
    <w:rPr>
      <w:b/>
    </w:rPr>
  </w:style>
  <w:style w:type="paragraph" w:customStyle="1" w:styleId="tgfArticle3">
    <w:name w:val="tgf Article 3"/>
    <w:basedOn w:val="Normal"/>
    <w:uiPriority w:val="1"/>
    <w:rsid w:val="00BB09F1"/>
    <w:pPr>
      <w:numPr>
        <w:ilvl w:val="2"/>
        <w:numId w:val="29"/>
      </w:numPr>
    </w:pPr>
  </w:style>
  <w:style w:type="paragraph" w:customStyle="1" w:styleId="tgfArticle4">
    <w:name w:val="tgf Article 4"/>
    <w:basedOn w:val="Normal"/>
    <w:uiPriority w:val="1"/>
    <w:rsid w:val="00BB09F1"/>
    <w:pPr>
      <w:numPr>
        <w:ilvl w:val="3"/>
        <w:numId w:val="29"/>
      </w:numPr>
    </w:pPr>
  </w:style>
  <w:style w:type="paragraph" w:customStyle="1" w:styleId="tgfArticle5">
    <w:name w:val="tgf Article 5"/>
    <w:basedOn w:val="Normal"/>
    <w:uiPriority w:val="1"/>
    <w:rsid w:val="00BB09F1"/>
    <w:pPr>
      <w:numPr>
        <w:ilvl w:val="4"/>
        <w:numId w:val="29"/>
      </w:numPr>
    </w:pPr>
  </w:style>
  <w:style w:type="paragraph" w:customStyle="1" w:styleId="tgfArticle6">
    <w:name w:val="tgf Article 6"/>
    <w:basedOn w:val="Normal"/>
    <w:uiPriority w:val="1"/>
    <w:semiHidden/>
    <w:unhideWhenUsed/>
    <w:rsid w:val="00BB09F1"/>
    <w:pPr>
      <w:numPr>
        <w:ilvl w:val="5"/>
        <w:numId w:val="29"/>
      </w:numPr>
    </w:pPr>
  </w:style>
  <w:style w:type="paragraph" w:customStyle="1" w:styleId="tgfArticle7">
    <w:name w:val="tgf Article 7"/>
    <w:basedOn w:val="Normal"/>
    <w:uiPriority w:val="1"/>
    <w:semiHidden/>
    <w:unhideWhenUsed/>
    <w:rsid w:val="00BB09F1"/>
    <w:pPr>
      <w:numPr>
        <w:ilvl w:val="6"/>
        <w:numId w:val="29"/>
      </w:numPr>
    </w:pPr>
  </w:style>
  <w:style w:type="paragraph" w:customStyle="1" w:styleId="tgfArticle8">
    <w:name w:val="tgf Article 8"/>
    <w:basedOn w:val="Normal"/>
    <w:uiPriority w:val="1"/>
    <w:semiHidden/>
    <w:unhideWhenUsed/>
    <w:rsid w:val="00BB09F1"/>
    <w:pPr>
      <w:numPr>
        <w:ilvl w:val="7"/>
        <w:numId w:val="29"/>
      </w:numPr>
    </w:pPr>
  </w:style>
  <w:style w:type="paragraph" w:customStyle="1" w:styleId="tgfArticle9">
    <w:name w:val="tgf Article 9"/>
    <w:basedOn w:val="Normal"/>
    <w:uiPriority w:val="1"/>
    <w:semiHidden/>
    <w:unhideWhenUsed/>
    <w:rsid w:val="00BB09F1"/>
    <w:pPr>
      <w:numPr>
        <w:ilvl w:val="8"/>
        <w:numId w:val="29"/>
      </w:numPr>
    </w:pPr>
  </w:style>
  <w:style w:type="numbering" w:customStyle="1" w:styleId="tgfArticle">
    <w:name w:val="tgf Article"/>
    <w:basedOn w:val="NoList"/>
    <w:rsid w:val="00BB09F1"/>
    <w:pPr>
      <w:numPr>
        <w:numId w:val="29"/>
      </w:numPr>
    </w:pPr>
  </w:style>
  <w:style w:type="paragraph" w:customStyle="1" w:styleId="tgfPleadingFirstLn1">
    <w:name w:val="tgf Pleading First Ln 1"/>
    <w:basedOn w:val="Normal"/>
    <w:uiPriority w:val="1"/>
    <w:qFormat/>
    <w:rsid w:val="00FA7DC2"/>
    <w:pPr>
      <w:spacing w:before="480" w:after="0" w:line="480" w:lineRule="auto"/>
      <w:ind w:firstLine="1440"/>
    </w:pPr>
  </w:style>
  <w:style w:type="character" w:customStyle="1" w:styleId="tgfx10pt">
    <w:name w:val="tgf x10pt"/>
    <w:uiPriority w:val="1"/>
    <w:rsid w:val="00B42278"/>
    <w:rPr>
      <w:sz w:val="20"/>
    </w:rPr>
  </w:style>
  <w:style w:type="character" w:customStyle="1" w:styleId="tgfxCaps">
    <w:name w:val="tgf xCaps"/>
    <w:uiPriority w:val="1"/>
    <w:rsid w:val="00B42278"/>
    <w:rPr>
      <w:caps/>
    </w:rPr>
  </w:style>
  <w:style w:type="character" w:customStyle="1" w:styleId="tgfxCapsBold">
    <w:name w:val="tgf xCapsBold"/>
    <w:uiPriority w:val="1"/>
    <w:rsid w:val="00B42278"/>
    <w:rPr>
      <w:b/>
      <w:caps/>
    </w:rPr>
  </w:style>
  <w:style w:type="character" w:customStyle="1" w:styleId="tgfxBoldUnderline">
    <w:name w:val="tgf xBoldUnderline"/>
    <w:uiPriority w:val="1"/>
    <w:rsid w:val="00C511BD"/>
    <w:rPr>
      <w:b/>
      <w:u w:val="single"/>
    </w:rPr>
  </w:style>
  <w:style w:type="paragraph" w:styleId="TOCHeading">
    <w:name w:val="TOC Heading"/>
    <w:basedOn w:val="NormalSingle"/>
    <w:next w:val="Normal"/>
    <w:uiPriority w:val="39"/>
    <w:semiHidden/>
    <w:unhideWhenUsed/>
    <w:rsid w:val="009C0AAF"/>
    <w:pPr>
      <w:jc w:val="center"/>
    </w:pPr>
    <w:rPr>
      <w:b/>
      <w:sz w:val="28"/>
    </w:rPr>
  </w:style>
  <w:style w:type="paragraph" w:customStyle="1" w:styleId="tgfGeneralWrap1">
    <w:name w:val="tgf General Wrap 1"/>
    <w:basedOn w:val="Normal"/>
    <w:uiPriority w:val="1"/>
    <w:qFormat/>
    <w:rsid w:val="00AF57CC"/>
    <w:pPr>
      <w:numPr>
        <w:numId w:val="30"/>
      </w:numPr>
    </w:pPr>
  </w:style>
  <w:style w:type="paragraph" w:customStyle="1" w:styleId="tgfGeneralWrap2">
    <w:name w:val="tgf General Wrap 2"/>
    <w:basedOn w:val="Normal"/>
    <w:uiPriority w:val="1"/>
    <w:rsid w:val="00AF57CC"/>
    <w:pPr>
      <w:numPr>
        <w:ilvl w:val="1"/>
        <w:numId w:val="30"/>
      </w:numPr>
    </w:pPr>
  </w:style>
  <w:style w:type="paragraph" w:customStyle="1" w:styleId="tgfGeneralWrap3">
    <w:name w:val="tgf General Wrap 3"/>
    <w:basedOn w:val="Normal"/>
    <w:uiPriority w:val="1"/>
    <w:rsid w:val="00AF57CC"/>
    <w:pPr>
      <w:numPr>
        <w:ilvl w:val="2"/>
        <w:numId w:val="30"/>
      </w:numPr>
    </w:pPr>
  </w:style>
  <w:style w:type="paragraph" w:customStyle="1" w:styleId="tgfGeneralWrap4">
    <w:name w:val="tgf General Wrap 4"/>
    <w:basedOn w:val="Normal"/>
    <w:uiPriority w:val="1"/>
    <w:rsid w:val="00AF57CC"/>
    <w:pPr>
      <w:numPr>
        <w:ilvl w:val="3"/>
        <w:numId w:val="30"/>
      </w:numPr>
    </w:pPr>
  </w:style>
  <w:style w:type="paragraph" w:customStyle="1" w:styleId="tgfGeneralWrap5">
    <w:name w:val="tgf General Wrap 5"/>
    <w:basedOn w:val="Normal"/>
    <w:uiPriority w:val="1"/>
    <w:rsid w:val="00AF57CC"/>
    <w:pPr>
      <w:numPr>
        <w:ilvl w:val="4"/>
        <w:numId w:val="30"/>
      </w:numPr>
    </w:pPr>
  </w:style>
  <w:style w:type="paragraph" w:customStyle="1" w:styleId="tgfGeneralWrap6">
    <w:name w:val="tgf General Wrap 6"/>
    <w:basedOn w:val="Normal"/>
    <w:uiPriority w:val="1"/>
    <w:semiHidden/>
    <w:unhideWhenUsed/>
    <w:rsid w:val="00AF57CC"/>
    <w:pPr>
      <w:numPr>
        <w:ilvl w:val="5"/>
        <w:numId w:val="30"/>
      </w:numPr>
    </w:pPr>
  </w:style>
  <w:style w:type="paragraph" w:customStyle="1" w:styleId="tgfGeneralWrap7">
    <w:name w:val="tgf General Wrap 7"/>
    <w:basedOn w:val="Normal"/>
    <w:uiPriority w:val="1"/>
    <w:semiHidden/>
    <w:unhideWhenUsed/>
    <w:rsid w:val="00AF57CC"/>
    <w:pPr>
      <w:numPr>
        <w:ilvl w:val="6"/>
        <w:numId w:val="30"/>
      </w:numPr>
    </w:pPr>
  </w:style>
  <w:style w:type="paragraph" w:customStyle="1" w:styleId="tgfGeneralWrap8">
    <w:name w:val="tgf General Wrap 8"/>
    <w:basedOn w:val="Normal"/>
    <w:uiPriority w:val="1"/>
    <w:semiHidden/>
    <w:unhideWhenUsed/>
    <w:rsid w:val="00AF57CC"/>
    <w:pPr>
      <w:numPr>
        <w:ilvl w:val="7"/>
        <w:numId w:val="30"/>
      </w:numPr>
    </w:pPr>
  </w:style>
  <w:style w:type="paragraph" w:customStyle="1" w:styleId="tgfGeneralWrap9">
    <w:name w:val="tgf General Wrap 9"/>
    <w:basedOn w:val="Normal"/>
    <w:uiPriority w:val="1"/>
    <w:semiHidden/>
    <w:unhideWhenUsed/>
    <w:rsid w:val="00AF57CC"/>
    <w:pPr>
      <w:numPr>
        <w:ilvl w:val="8"/>
        <w:numId w:val="30"/>
      </w:numPr>
    </w:pPr>
  </w:style>
  <w:style w:type="numbering" w:customStyle="1" w:styleId="tgfGeneralWrap">
    <w:name w:val="tgf General Wrap"/>
    <w:basedOn w:val="NoList"/>
    <w:rsid w:val="00AF57CC"/>
    <w:pPr>
      <w:numPr>
        <w:numId w:val="30"/>
      </w:numPr>
    </w:pPr>
  </w:style>
  <w:style w:type="paragraph" w:customStyle="1" w:styleId="Address">
    <w:name w:val="Address"/>
    <w:basedOn w:val="NormalSingle"/>
    <w:rsid w:val="00294E24"/>
    <w:pPr>
      <w:spacing w:after="0"/>
    </w:pPr>
  </w:style>
  <w:style w:type="paragraph" w:customStyle="1" w:styleId="Attention">
    <w:name w:val="Attention"/>
    <w:basedOn w:val="NormalSingle"/>
    <w:rsid w:val="00F6646A"/>
    <w:pPr>
      <w:spacing w:before="240" w:after="0"/>
      <w:ind w:left="1440" w:hanging="1440"/>
    </w:pPr>
    <w:rPr>
      <w:b/>
    </w:rPr>
  </w:style>
  <w:style w:type="paragraph" w:customStyle="1" w:styleId="tgfRefAuthorityItalics">
    <w:name w:val="tgf Ref Authority Italics"/>
    <w:basedOn w:val="tgfRefAuthority"/>
    <w:qFormat/>
    <w:rsid w:val="00C73230"/>
    <w:rPr>
      <w:b w:val="0"/>
      <w:i/>
    </w:rPr>
  </w:style>
  <w:style w:type="paragraph" w:customStyle="1" w:styleId="tgfHeadingDIndent5">
    <w:name w:val="tgf HeadingD Indent .5"/>
    <w:basedOn w:val="Normal"/>
    <w:next w:val="Normal"/>
    <w:link w:val="tgfHeadingDIndent5Char"/>
    <w:uiPriority w:val="1"/>
    <w:rsid w:val="00EB78F4"/>
    <w:pPr>
      <w:ind w:left="720"/>
      <w:outlineLvl w:val="2"/>
    </w:pPr>
    <w:rPr>
      <w:b/>
    </w:rPr>
  </w:style>
  <w:style w:type="character" w:customStyle="1" w:styleId="tgfHeadingDIndent5Char">
    <w:name w:val="tgf HeadingD Indent .5 Char"/>
    <w:basedOn w:val="DefaultParagraphFont"/>
    <w:link w:val="tgfHeadingDIndent5"/>
    <w:uiPriority w:val="1"/>
    <w:rsid w:val="00EB78F4"/>
    <w:rPr>
      <w:b/>
      <w:sz w:val="24"/>
      <w:szCs w:val="24"/>
      <w:lang w:val="en-CA"/>
    </w:rPr>
  </w:style>
  <w:style w:type="table" w:styleId="TableGrid">
    <w:name w:val="Table Grid"/>
    <w:basedOn w:val="TableNormal"/>
    <w:rsid w:val="00971DB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Strong">
    <w:name w:val="Strong"/>
    <w:basedOn w:val="DefaultParagraphFont"/>
    <w:qFormat/>
    <w:rsid w:val="00971DBA"/>
    <w:rPr>
      <w:b/>
      <w:bCs/>
    </w:rPr>
  </w:style>
  <w:style w:type="paragraph" w:customStyle="1" w:styleId="SignLine">
    <w:name w:val="SignLine"/>
    <w:basedOn w:val="Normal"/>
    <w:rsid w:val="00971DBA"/>
    <w:pPr>
      <w:spacing w:after="0"/>
      <w:jc w:val="left"/>
    </w:pPr>
  </w:style>
  <w:style w:type="paragraph" w:customStyle="1" w:styleId="SignLineAdd">
    <w:name w:val="SignLineAdd"/>
    <w:basedOn w:val="SignLine"/>
    <w:rsid w:val="00971DBA"/>
    <w:pPr>
      <w:tabs>
        <w:tab w:val="left" w:pos="720"/>
      </w:tabs>
    </w:pPr>
  </w:style>
  <w:style w:type="character" w:styleId="Hyperlink">
    <w:name w:val="Hyperlink"/>
    <w:basedOn w:val="DefaultParagraphFont"/>
    <w:uiPriority w:val="99"/>
    <w:unhideWhenUsed/>
    <w:rsid w:val="00971DBA"/>
    <w:rPr>
      <w:color w:val="0000FF" w:themeColor="hyperlink"/>
      <w:u w:val="single"/>
    </w:rPr>
  </w:style>
  <w:style w:type="paragraph" w:customStyle="1" w:styleId="ORCentre">
    <w:name w:val="ORCentre"/>
    <w:aliases w:val="C"/>
    <w:basedOn w:val="Normal"/>
    <w:rsid w:val="00272CA4"/>
    <w:pPr>
      <w:jc w:val="center"/>
    </w:pPr>
  </w:style>
  <w:style w:type="character" w:customStyle="1" w:styleId="Prompt">
    <w:name w:val="Prompt"/>
    <w:aliases w:val="Auto,PR,Pr,Pr + Book Antiqua,pt"/>
    <w:uiPriority w:val="29"/>
    <w:qFormat/>
    <w:rsid w:val="00272CA4"/>
    <w:rPr>
      <w:color w:val="0000FF"/>
    </w:rPr>
  </w:style>
  <w:style w:type="paragraph" w:customStyle="1" w:styleId="Court">
    <w:name w:val="Court"/>
    <w:basedOn w:val="Normal"/>
    <w:uiPriority w:val="99"/>
    <w:rsid w:val="00272CA4"/>
    <w:pPr>
      <w:jc w:val="center"/>
    </w:pPr>
    <w:rPr>
      <w:b/>
      <w:bCs/>
    </w:rPr>
  </w:style>
  <w:style w:type="paragraph" w:customStyle="1" w:styleId="StyleP2Title">
    <w:name w:val="StyleP2Title"/>
    <w:basedOn w:val="Normal"/>
    <w:uiPriority w:val="99"/>
    <w:rsid w:val="00272CA4"/>
    <w:pPr>
      <w:jc w:val="right"/>
    </w:pPr>
  </w:style>
  <w:style w:type="character" w:customStyle="1" w:styleId="UnresolvedMention">
    <w:name w:val="Unresolved Mention"/>
    <w:basedOn w:val="DefaultParagraphFont"/>
    <w:uiPriority w:val="99"/>
    <w:semiHidden/>
    <w:unhideWhenUsed/>
    <w:rsid w:val="00F72CA1"/>
    <w:rPr>
      <w:color w:val="605E5C"/>
      <w:shd w:val="clear" w:color="auto" w:fill="E1DFDD"/>
    </w:rPr>
  </w:style>
  <w:style w:type="paragraph" w:styleId="BalloonText">
    <w:name w:val="Balloon Text"/>
    <w:basedOn w:val="Normal"/>
    <w:link w:val="BalloonTextChar"/>
    <w:semiHidden/>
    <w:unhideWhenUsed/>
    <w:rsid w:val="00AE08B6"/>
    <w:pPr>
      <w:spacing w:after="0"/>
    </w:pPr>
    <w:rPr>
      <w:rFonts w:ascii="Segoe UI" w:hAnsi="Segoe UI" w:cs="Segoe UI"/>
      <w:sz w:val="18"/>
      <w:szCs w:val="18"/>
    </w:rPr>
  </w:style>
  <w:style w:type="character" w:customStyle="1" w:styleId="BalloonTextChar">
    <w:name w:val="Balloon Text Char"/>
    <w:basedOn w:val="DefaultParagraphFont"/>
    <w:link w:val="BalloonText"/>
    <w:semiHidden/>
    <w:rsid w:val="00AE08B6"/>
    <w:rPr>
      <w:rFonts w:ascii="Segoe UI" w:hAnsi="Segoe UI" w:cs="Segoe UI"/>
      <w:sz w:val="18"/>
      <w:szCs w:val="18"/>
      <w:lang w:val="en-CA"/>
    </w:rPr>
  </w:style>
  <w:style w:type="paragraph" w:styleId="BodyText">
    <w:name w:val="Body Text"/>
    <w:basedOn w:val="Normal"/>
    <w:link w:val="BodyTextChar"/>
    <w:qFormat/>
    <w:rsid w:val="00997F53"/>
    <w:rPr>
      <w:rFonts w:asciiTheme="minorHAnsi" w:eastAsiaTheme="minorHAnsi" w:hAnsiTheme="minorHAnsi" w:cstheme="minorBidi"/>
      <w:sz w:val="22"/>
      <w:szCs w:val="22"/>
    </w:rPr>
  </w:style>
  <w:style w:type="character" w:customStyle="1" w:styleId="BodyTextChar">
    <w:name w:val="Body Text Char"/>
    <w:basedOn w:val="DefaultParagraphFont"/>
    <w:link w:val="BodyText"/>
    <w:rsid w:val="00997F53"/>
    <w:rPr>
      <w:rFonts w:asciiTheme="minorHAnsi" w:eastAsiaTheme="minorHAnsi" w:hAnsiTheme="minorHAnsi" w:cstheme="minorBidi"/>
      <w:sz w:val="22"/>
      <w:szCs w:val="22"/>
      <w:lang w:val="en-C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65279;<?xml version="1.0" encoding="utf-8" standalone="yes"?><Relationships xmlns="http://schemas.openxmlformats.org/package/2006/relationships"><Relationship Id="rId1" Type="http://schemas.openxmlformats.org/officeDocument/2006/relationships/settings" Target="settings.xml" /><Relationship Id="rId10" Type="http://schemas.microsoft.com/office/2006/relationships/keyMapCustomizations" Target="customizations.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webSettings" Target="webSettings.xml" /><Relationship Id="rId3" Type="http://schemas.openxmlformats.org/officeDocument/2006/relationships/fontTable" Target="fontTable.xml" /><Relationship Id="rId4" Type="http://schemas.openxmlformats.org/officeDocument/2006/relationships/header" Target="header1.xml" /><Relationship Id="rId5" Type="http://schemas.openxmlformats.org/officeDocument/2006/relationships/header" Target="header2.xml" /><Relationship Id="rId6" Type="http://schemas.openxmlformats.org/officeDocument/2006/relationships/footer" Target="footer1.xml" /><Relationship Id="rId7" Type="http://schemas.openxmlformats.org/officeDocument/2006/relationships/footer" Target="footer2.xml" /><Relationship Id="rId8" Type="http://schemas.openxmlformats.org/officeDocument/2006/relationships/header" Target="header3.xml" /><Relationship Id="rId9" Type="http://schemas.openxmlformats.org/officeDocument/2006/relationships/footer" Target="footer3.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3</Pages>
  <Words>3680</Words>
  <Characters>24034</Characters>
  <Application>Microsoft Office Word</Application>
  <DocSecurity>0</DocSecurity>
  <Lines>1144</Lines>
  <Paragraphs>125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645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6-03-18T18:45:03Z</dcterms:created>
  <dcterms:modified xsi:type="dcterms:W3CDTF">2026-03-18T18:45:03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1386-3129-1398.49</vt:lpwstr>
  </property>
  <property fmtid="{D5CDD505-2E9C-101B-9397-08002B2CF9AE}" pid="3" name="DocXFormat">
    <vt:lpwstr>Blakes DocID</vt:lpwstr>
  </property>
  <property fmtid="{D5CDD505-2E9C-101B-9397-08002B2CF9AE}" pid="4" name="DocXLocation">
    <vt:lpwstr>Custom</vt:lpwstr>
  </property>
  <property fmtid="{D5CDD505-2E9C-101B-9397-08002B2CF9AE}" pid="5" name="DocXRemovePrint">
    <vt:lpwstr>False</vt:lpwstr>
  </property>
</Properties>
</file>